
<file path=[Content_Types].xml><?xml version="1.0" encoding="utf-8"?>
<Types xmlns="http://schemas.openxmlformats.org/package/2006/content-types"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Default Extension="bin" ContentType="application/vnd.openxmlformats-officedocument.spreadsheetml.printerSettings"/>
  <Default Extension="png" ContentType="image/png"/>
  <Override PartName="/xl/drawings/drawing9.xml" ContentType="application/vnd.openxmlformats-officedocument.drawing+xml"/>
  <Override PartName="/xl/worksheets/sheet9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Default Extension="jpeg" ContentType="image/jpeg"/>
  <Override PartName="/xl/drawings/drawing4.xml" ContentType="application/vnd.openxmlformats-officedocument.drawing+xml"/>
  <Override PartName="/xl/drawings/drawing5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10.xml" ContentType="application/vnd.openxmlformats-officedocument.spreadsheetml.worksheet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drawings/drawing1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sharedStrings.xml" ContentType="application/vnd.openxmlformats-officedocument.spreadsheetml.sharedStrings+xml"/>
  <Override PartName="/xl/drawings/drawing10.xml" ContentType="application/vnd.openxmlformats-officedocument.drawing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240" yWindow="45" windowWidth="20115" windowHeight="7995" tabRatio="782" firstSheet="6" activeTab="15"/>
  </bookViews>
  <sheets>
    <sheet name="CAPA" sheetId="15" r:id="rId1"/>
    <sheet name="SUMÁRIO" sheetId="16" r:id="rId2"/>
    <sheet name="INVESTIMENTO" sheetId="1" r:id="rId3"/>
    <sheet name="MINI" sheetId="2" r:id="rId4"/>
    <sheet name="MIDI" sheetId="3" r:id="rId5"/>
    <sheet name="BÁSICO" sheetId="4" r:id="rId6"/>
    <sheet name="PADRON" sheetId="5" r:id="rId7"/>
    <sheet name="PADRON 15m" sheetId="6" r:id="rId8"/>
    <sheet name="ARTICULADO" sheetId="7" r:id="rId9"/>
    <sheet name="ARTICULADO 21" sheetId="8" r:id="rId10"/>
    <sheet name="ARTICULADO 23" sheetId="9" r:id="rId11"/>
    <sheet name="BIARTICULADO" sheetId="10" r:id="rId12"/>
    <sheet name="TROLEBUS" sheetId="11" r:id="rId13"/>
    <sheet name="TROLEBUS 15M" sheetId="12" r:id="rId14"/>
    <sheet name="TROLEBUS 15M BATERIA" sheetId="13" r:id="rId15"/>
    <sheet name="AUXILIAR FLUXO DE CAIXA" sheetId="14" r:id="rId16"/>
  </sheets>
  <externalReferences>
    <externalReference r:id="rId17"/>
    <externalReference r:id="rId18"/>
    <externalReference r:id="rId19"/>
  </externalReferences>
  <definedNames>
    <definedName name="_xlnm._FilterDatabase" localSheetId="15" hidden="1">'AUXILIAR FLUXO DE CAIXA'!$B$21:$B$28</definedName>
    <definedName name="_xlnm.Print_Area" localSheetId="8">ARTICULADO!$A$1:$V$88</definedName>
    <definedName name="_xlnm.Print_Area" localSheetId="9">'ARTICULADO 21'!$A$1:$V$88</definedName>
    <definedName name="_xlnm.Print_Area" localSheetId="10">'ARTICULADO 23'!$A$1:$V$88</definedName>
    <definedName name="_xlnm.Print_Area" localSheetId="15">'AUXILIAR FLUXO DE CAIXA'!$A$1:$M$62</definedName>
    <definedName name="_xlnm.Print_Area" localSheetId="5">BÁSICO!$A$1:$V$88</definedName>
    <definedName name="_xlnm.Print_Area" localSheetId="11">BIARTICULADO!$A$1:$V$91</definedName>
    <definedName name="_xlnm.Print_Area" localSheetId="2">INVESTIMENTO!$A$1:$W$247</definedName>
    <definedName name="_xlnm.Print_Area" localSheetId="4">MIDI!$A$1:$V$88</definedName>
    <definedName name="_xlnm.Print_Area" localSheetId="3">MINI!$A$1:$V$88</definedName>
    <definedName name="_xlnm.Print_Area" localSheetId="6">PADRON!$A$1:$V$88</definedName>
    <definedName name="_xlnm.Print_Area" localSheetId="7">'PADRON 15m'!$A$1:$V$88</definedName>
    <definedName name="_xlnm.Print_Area" localSheetId="1">SUMÁRIO!$A$1:$J$51</definedName>
    <definedName name="_xlnm.Print_Area" localSheetId="12">TROLEBUS!$A$1:$V$80</definedName>
    <definedName name="_xlnm.Print_Area" localSheetId="13">'TROLEBUS 15M'!$A$1:$V$99</definedName>
    <definedName name="_xlnm.Print_Area" localSheetId="14">'TROLEBUS 15M BATERIA'!$A$1:$V$99</definedName>
    <definedName name="infotrans?">'[1]Quadro 1 - final'!$C$1</definedName>
    <definedName name="TIRMETA" localSheetId="0">[2]OPÇÕES!$B$26</definedName>
    <definedName name="TIRMETA">[3]OPÇÕES!$B$26</definedName>
    <definedName name="_xlnm.Print_Titles" localSheetId="8">ARTICULADO!$A:$A</definedName>
    <definedName name="_xlnm.Print_Titles" localSheetId="9">'ARTICULADO 21'!$A:$A</definedName>
    <definedName name="_xlnm.Print_Titles" localSheetId="10">'ARTICULADO 23'!$A:$A</definedName>
    <definedName name="_xlnm.Print_Titles" localSheetId="5">BÁSICO!$A:$A</definedName>
    <definedName name="_xlnm.Print_Titles" localSheetId="11">BIARTICULADO!$A:$A</definedName>
    <definedName name="_xlnm.Print_Titles" localSheetId="4">MIDI!$A:$A</definedName>
    <definedName name="_xlnm.Print_Titles" localSheetId="3">MINI!$A:$A</definedName>
    <definedName name="_xlnm.Print_Titles" localSheetId="6">PADRON!$A:$A</definedName>
    <definedName name="_xlnm.Print_Titles" localSheetId="7">'PADRON 15m'!$A:$A</definedName>
  </definedNames>
  <calcPr calcId="125725"/>
</workbook>
</file>

<file path=xl/comments1.xml><?xml version="1.0" encoding="utf-8"?>
<comments xmlns="http://schemas.openxmlformats.org/spreadsheetml/2006/main">
  <authors>
    <author>S</author>
  </authors>
  <commentList>
    <comment ref="F183" authorId="0">
      <text>
        <r>
          <rPr>
            <b/>
            <sz val="7"/>
            <color indexed="81"/>
            <rFont val="Tahoma"/>
            <family val="2"/>
          </rPr>
          <t>Frota ainda não depreciada representa 75% do investimento inicial</t>
        </r>
      </text>
    </comment>
  </commentList>
</comments>
</file>

<file path=xl/sharedStrings.xml><?xml version="1.0" encoding="utf-8"?>
<sst xmlns="http://schemas.openxmlformats.org/spreadsheetml/2006/main" count="1242" uniqueCount="180">
  <si>
    <t>VEÍCULOS</t>
  </si>
  <si>
    <t>% RESIDUAL</t>
  </si>
  <si>
    <t>ANO 0</t>
  </si>
  <si>
    <t>ANO 1</t>
  </si>
  <si>
    <t>ANO 2</t>
  </si>
  <si>
    <t>ANO 3</t>
  </si>
  <si>
    <t>ANO 4</t>
  </si>
  <si>
    <t>ANO 5</t>
  </si>
  <si>
    <t>ANO 6</t>
  </si>
  <si>
    <t>ANO 7</t>
  </si>
  <si>
    <t>ANO 8</t>
  </si>
  <si>
    <t>ANO 9</t>
  </si>
  <si>
    <t>ANO 10</t>
  </si>
  <si>
    <t>ANO 11</t>
  </si>
  <si>
    <t>ANO 12</t>
  </si>
  <si>
    <t>ANO 13</t>
  </si>
  <si>
    <t>ANO 14</t>
  </si>
  <si>
    <t>ANO 15</t>
  </si>
  <si>
    <t>ANO 16</t>
  </si>
  <si>
    <t>ANO 17</t>
  </si>
  <si>
    <t>ANO 18</t>
  </si>
  <si>
    <t>ANO 19</t>
  </si>
  <si>
    <t>ANO 20</t>
  </si>
  <si>
    <t>ZERO KM</t>
  </si>
  <si>
    <t>1 ANO</t>
  </si>
  <si>
    <t>2 ANO</t>
  </si>
  <si>
    <t>3 ANO</t>
  </si>
  <si>
    <t>4 ANO</t>
  </si>
  <si>
    <t>5 ANO</t>
  </si>
  <si>
    <t>6 ANO</t>
  </si>
  <si>
    <t>7 ANO</t>
  </si>
  <si>
    <t>8 ANO</t>
  </si>
  <si>
    <t>9 ANO</t>
  </si>
  <si>
    <t>10 ANO</t>
  </si>
  <si>
    <t>TOTAL</t>
  </si>
  <si>
    <t>VIDA ÚTIL 7 ANOS</t>
  </si>
  <si>
    <t>% DO VEÍCULO NOVO</t>
  </si>
  <si>
    <t>QUANTIDADE</t>
  </si>
  <si>
    <t>VIDA ÚTIL 10 ANOS</t>
  </si>
  <si>
    <t>10 ANOS - INVESTIMENTO ANTECIPADO</t>
  </si>
  <si>
    <t>VIDA ÚTIL 10 ANOS A</t>
  </si>
  <si>
    <t>TIPOLOGIA</t>
  </si>
  <si>
    <t>PREÇO 
VEÍCULO R$</t>
  </si>
  <si>
    <t>VIDA ÚTIL</t>
  </si>
  <si>
    <t>% RESERVA
 TÉCNICA</t>
  </si>
  <si>
    <t>Midiônibus</t>
  </si>
  <si>
    <t>Miniônibus</t>
  </si>
  <si>
    <t>Básico</t>
  </si>
  <si>
    <t>Padron</t>
  </si>
  <si>
    <t>Padron 15M</t>
  </si>
  <si>
    <t>Articulado</t>
  </si>
  <si>
    <t>Articulado 21M</t>
  </si>
  <si>
    <t>10A</t>
  </si>
  <si>
    <t>Articulado 23M</t>
  </si>
  <si>
    <t>Biarticulado II</t>
  </si>
  <si>
    <t>MINIÔNIBUS</t>
  </si>
  <si>
    <t>FROTA CONSIDERADA</t>
  </si>
  <si>
    <t>TIR</t>
  </si>
  <si>
    <t>RECEITA POR VEÍCULO - R$/mês</t>
  </si>
  <si>
    <t>CUSTOS POR VEÍCULO - R$/mês</t>
  </si>
  <si>
    <t>CUSTOS VARIÁVEIS - R$/mês</t>
  </si>
  <si>
    <t>CUSTOS FIXOS - R$/mês</t>
  </si>
  <si>
    <t>ACRÉSCIMO CUSTO AR CONDICIONADO-R$/ano</t>
  </si>
  <si>
    <t>R$/ano</t>
  </si>
  <si>
    <t>1. RECEITA</t>
  </si>
  <si>
    <t>2. IMPOSTOS SOBRE RECEITA</t>
  </si>
  <si>
    <t>3. RECEITA LÍQUIDA (1 - 2)</t>
  </si>
  <si>
    <t>4. CUSTOS</t>
  </si>
  <si>
    <t>5. DEPRECIAÇÃO</t>
  </si>
  <si>
    <t>6. RESULTADO ANTES DO IR (3- 4 - 5)</t>
  </si>
  <si>
    <t>7. IMPOSTO DE RENDA E CSSL</t>
  </si>
  <si>
    <t>8. RESULTADO DEPOIS DO IR (6-7)</t>
  </si>
  <si>
    <t>9.DEPRECIAÇÃO (5)</t>
  </si>
  <si>
    <t>10. FLUXO OPERACIONAL (8+9)</t>
  </si>
  <si>
    <t>11. INVESTIMENTO (11.1+11.2+11.3+11.4)</t>
  </si>
  <si>
    <t>11.1 FROTA</t>
  </si>
  <si>
    <t>11.2 EQUIPAMENTOS EMBARCADOS</t>
  </si>
  <si>
    <t>11.3 INSTALAÇÕES</t>
  </si>
  <si>
    <t>11.4 CAPITAL DE GIRO</t>
  </si>
  <si>
    <t>12. VENDA DE ATIVOS</t>
  </si>
  <si>
    <t>FROTA</t>
  </si>
  <si>
    <t>INSTALAÇÕES</t>
  </si>
  <si>
    <t>13. FLUXO DE CAIXA (10 - 11 + 12)</t>
  </si>
  <si>
    <t>DEPRECIAÇÃO TOTAL</t>
  </si>
  <si>
    <t>DEPRECIAÇÃO VEICULOS</t>
  </si>
  <si>
    <t>DEPRECIAÇÃO INSTALAÇÃO</t>
  </si>
  <si>
    <t>DEPRECIAÇÃO EQUIP embarcados</t>
  </si>
  <si>
    <t>MIDIÔNIBUS</t>
  </si>
  <si>
    <t>BÁSICO</t>
  </si>
  <si>
    <t>PADRON</t>
  </si>
  <si>
    <t>PADRON 15 METROS</t>
  </si>
  <si>
    <t>ARTICULADO</t>
  </si>
  <si>
    <t>ARTICULADO 23 METROS</t>
  </si>
  <si>
    <t>BIARTICULADO</t>
  </si>
  <si>
    <t>TRÓLEBUS</t>
  </si>
  <si>
    <t>DEMONSTRATIVO DOS CUSTOS E PARÂMETROS OPERACIONAIS POR TIPOLOGIA UTILIZADOS NO FLUXO DE CAIXA</t>
  </si>
  <si>
    <t>TIPO DE VEÍCULO</t>
  </si>
  <si>
    <t>Padron 15m</t>
  </si>
  <si>
    <t>Trolebus 13 m</t>
  </si>
  <si>
    <t>Trolebus 15 m</t>
  </si>
  <si>
    <t>Trolebus 15 m 
com bateria</t>
  </si>
  <si>
    <t>Dados Operacionais</t>
  </si>
  <si>
    <t>Lugares - 5 pass/m²</t>
  </si>
  <si>
    <t>Lugares - 6 pass/m²</t>
  </si>
  <si>
    <t>Percurso Médio Mensal - Km/mês</t>
  </si>
  <si>
    <t>% km ociosa</t>
  </si>
  <si>
    <t>PMM c/ ociosa</t>
  </si>
  <si>
    <t>Preço do Veículo</t>
  </si>
  <si>
    <t>Preço pneu</t>
  </si>
  <si>
    <t>Preço câmara</t>
  </si>
  <si>
    <t>Qtdade pneus</t>
  </si>
  <si>
    <t>Preço do veículo sem pneus</t>
  </si>
  <si>
    <t>Idade Média</t>
  </si>
  <si>
    <t>Valor residual</t>
  </si>
  <si>
    <t>Vida útil (em anos)</t>
  </si>
  <si>
    <t>% Remuneração de capital ao ano</t>
  </si>
  <si>
    <t xml:space="preserve">       Consumo l/ km</t>
  </si>
  <si>
    <t xml:space="preserve">       Diesel R$ / l</t>
  </si>
  <si>
    <t>Diesel por km</t>
  </si>
  <si>
    <t>Lubrificante/km</t>
  </si>
  <si>
    <t>Rodagem/km</t>
  </si>
  <si>
    <t>Custo Variável / km</t>
  </si>
  <si>
    <t>Dados de Custo - em R$ / mês</t>
  </si>
  <si>
    <t>CV / Veículo</t>
  </si>
  <si>
    <t xml:space="preserve">Diesel </t>
  </si>
  <si>
    <t>Lubrificante</t>
  </si>
  <si>
    <t>Rodagem</t>
  </si>
  <si>
    <t>aluguel da garagem</t>
  </si>
  <si>
    <t>Custos Ambientais</t>
  </si>
  <si>
    <t>Peças e Acessórios</t>
  </si>
  <si>
    <t>Pessoal</t>
  </si>
  <si>
    <t>Despesas administrativas</t>
  </si>
  <si>
    <t>Sub Total</t>
  </si>
  <si>
    <t>MEMÓRIA DE CÁLCULO</t>
  </si>
  <si>
    <t>FLUXOS DE CAIXA POR VEÍCULO</t>
  </si>
  <si>
    <t>RESERVA TÉCNICA SEM AR CONDICIONADO</t>
  </si>
  <si>
    <t>ANEXO 4.5</t>
  </si>
  <si>
    <t>SUMÁRIO</t>
  </si>
  <si>
    <t>Página</t>
  </si>
  <si>
    <t>INVESTIMENTO</t>
  </si>
  <si>
    <t>ARTICULADO 21 METROS</t>
  </si>
  <si>
    <t>TRÓLEBUS 15 METROS</t>
  </si>
  <si>
    <t>TRÓLEBUS 15 METROS COM BATERIA</t>
  </si>
  <si>
    <t>Frota com 7 Anos de Vida Útil</t>
  </si>
  <si>
    <t>Valor Residual Final</t>
  </si>
  <si>
    <t>Frota com 10 Anos de Vida Útil</t>
  </si>
  <si>
    <t>Frota com 10 Anos de Vida Útil Investimento Inicial Antecipado</t>
  </si>
  <si>
    <t>Compra de Veículo</t>
  </si>
  <si>
    <t>Venda de Veículos</t>
  </si>
  <si>
    <t>Frota com Vida Útil de 7 Anos</t>
  </si>
  <si>
    <t>Investimentos - R$/Ano</t>
  </si>
  <si>
    <t>Depreciação da Frota - R$/Ano</t>
  </si>
  <si>
    <t>Venda Líquida de Frota - R$/Ano</t>
  </si>
  <si>
    <t>Parâmetros Básicos para o Cálculo do Fluxo de Caixa - Veículo Operacional</t>
  </si>
  <si>
    <t>Não Considera Ar Condicionado</t>
  </si>
  <si>
    <t>Fluxo de Caixa por Tipologia de Veículo</t>
  </si>
  <si>
    <t>Demonstrativo Depreciação</t>
  </si>
  <si>
    <t>Padron 15 Metros</t>
  </si>
  <si>
    <t>Articulado 21 Metros</t>
  </si>
  <si>
    <t>Articulado 23 Metros</t>
  </si>
  <si>
    <t>Biarticulado</t>
  </si>
  <si>
    <t>Trólebus</t>
  </si>
  <si>
    <t>Trólebus 15 Metros</t>
  </si>
  <si>
    <t>Trólebus 15 Metros com Bateria</t>
  </si>
  <si>
    <t>16/17</t>
  </si>
  <si>
    <t>2/17</t>
  </si>
  <si>
    <t>5/17</t>
  </si>
  <si>
    <t>3/17</t>
  </si>
  <si>
    <t>4/17</t>
  </si>
  <si>
    <t>6/17</t>
  </si>
  <si>
    <t>7/17</t>
  </si>
  <si>
    <t>8/17</t>
  </si>
  <si>
    <t>9/17</t>
  </si>
  <si>
    <t>10/17</t>
  </si>
  <si>
    <t>11/17</t>
  </si>
  <si>
    <t>12/17</t>
  </si>
  <si>
    <t>13/17</t>
  </si>
  <si>
    <t>14/17</t>
  </si>
  <si>
    <t>15/17</t>
  </si>
  <si>
    <t>AUXILIAR FLUXO DE CAIXA</t>
  </si>
</sst>
</file>

<file path=xl/styles.xml><?xml version="1.0" encoding="utf-8"?>
<styleSheet xmlns="http://schemas.openxmlformats.org/spreadsheetml/2006/main">
  <numFmts count="9">
    <numFmt numFmtId="42" formatCode="_-&quot;R$&quot;\ * #,##0_-;\-&quot;R$&quot;\ * #,##0_-;_-&quot;R$&quot;\ * &quot;-&quot;_-;_-@_-"/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_);_(* \(#,##0\);_(* &quot;-&quot;??_);_(@_)"/>
    <numFmt numFmtId="165" formatCode="_(* #,##0.0000_);_(* \(#,##0.0000\);_(* &quot;-&quot;??_);_(@_)"/>
    <numFmt numFmtId="166" formatCode="#,#00"/>
    <numFmt numFmtId="167" formatCode="%#,#00"/>
    <numFmt numFmtId="168" formatCode="#.##000"/>
    <numFmt numFmtId="169" formatCode="#,"/>
  </numFmts>
  <fonts count="24">
    <font>
      <sz val="10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b/>
      <sz val="8"/>
      <color theme="0"/>
      <name val="Arial"/>
      <family val="2"/>
    </font>
    <font>
      <sz val="7"/>
      <name val="Arial"/>
      <family val="2"/>
    </font>
    <font>
      <b/>
      <sz val="7"/>
      <color indexed="81"/>
      <name val="Tahoma"/>
      <family val="2"/>
    </font>
    <font>
      <b/>
      <sz val="8"/>
      <color indexed="9"/>
      <name val="Arial"/>
      <family val="2"/>
    </font>
    <font>
      <b/>
      <i/>
      <sz val="8"/>
      <name val="Arial"/>
      <family val="2"/>
    </font>
    <font>
      <i/>
      <sz val="8"/>
      <name val="Arial"/>
      <family val="2"/>
    </font>
    <font>
      <sz val="1"/>
      <color indexed="8"/>
      <name val="Courier"/>
      <family val="3"/>
    </font>
    <font>
      <sz val="10"/>
      <name val="Courier"/>
      <family val="3"/>
    </font>
    <font>
      <b/>
      <sz val="1"/>
      <color indexed="8"/>
      <name val="Courier"/>
      <family val="3"/>
    </font>
    <font>
      <sz val="15"/>
      <name val="Arial"/>
      <family val="2"/>
    </font>
    <font>
      <b/>
      <sz val="22"/>
      <name val="Arial"/>
      <family val="2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b/>
      <sz val="12"/>
      <name val="Arial"/>
      <family val="2"/>
    </font>
    <font>
      <sz val="10"/>
      <color theme="1"/>
      <name val="Arial"/>
      <family val="2"/>
    </font>
    <font>
      <b/>
      <sz val="14"/>
      <name val="Arial"/>
      <family val="2"/>
    </font>
    <font>
      <b/>
      <sz val="10"/>
      <name val="Arial"/>
      <family val="2"/>
    </font>
  </fonts>
  <fills count="11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12"/>
      </top>
      <bottom style="thick">
        <color indexed="12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05">
    <xf numFmtId="0" fontId="0" fillId="0" borderId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3" fillId="0" borderId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2" fontId="4" fillId="0" borderId="23"/>
    <xf numFmtId="0" fontId="13" fillId="0" borderId="0">
      <protection locked="0"/>
    </xf>
    <xf numFmtId="166" fontId="13" fillId="0" borderId="0">
      <protection locked="0"/>
    </xf>
    <xf numFmtId="166" fontId="13" fillId="0" borderId="0">
      <protection locked="0"/>
    </xf>
    <xf numFmtId="0" fontId="14" fillId="0" borderId="0"/>
    <xf numFmtId="44" fontId="4" fillId="0" borderId="0" applyFont="0" applyFill="0" applyBorder="0" applyAlignment="0" applyProtection="0"/>
    <xf numFmtId="0" fontId="4" fillId="0" borderId="0"/>
    <xf numFmtId="167" fontId="13" fillId="0" borderId="0">
      <protection locked="0"/>
    </xf>
    <xf numFmtId="167" fontId="13" fillId="0" borderId="0">
      <protection locked="0"/>
    </xf>
    <xf numFmtId="168" fontId="13" fillId="0" borderId="0">
      <protection locked="0"/>
    </xf>
    <xf numFmtId="9" fontId="4" fillId="0" borderId="0" applyFont="0" applyFill="0" applyBorder="0" applyAlignment="0" applyProtection="0"/>
    <xf numFmtId="2" fontId="4" fillId="0" borderId="23" applyFont="0" applyFill="0" applyBorder="0" applyAlignment="0" applyProtection="0"/>
    <xf numFmtId="42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169" fontId="15" fillId="0" borderId="0">
      <protection locked="0"/>
    </xf>
    <xf numFmtId="169" fontId="15" fillId="0" borderId="0">
      <protection locked="0"/>
    </xf>
    <xf numFmtId="0" fontId="2" fillId="0" borderId="0"/>
  </cellStyleXfs>
  <cellXfs count="182">
    <xf numFmtId="0" fontId="0" fillId="0" borderId="0" xfId="0"/>
    <xf numFmtId="0" fontId="5" fillId="0" borderId="0" xfId="0" applyFont="1"/>
    <xf numFmtId="0" fontId="6" fillId="0" borderId="0" xfId="0" applyFont="1"/>
    <xf numFmtId="9" fontId="5" fillId="0" borderId="0" xfId="0" applyNumberFormat="1" applyFont="1"/>
    <xf numFmtId="0" fontId="6" fillId="0" borderId="1" xfId="0" applyFont="1" applyBorder="1"/>
    <xf numFmtId="0" fontId="7" fillId="2" borderId="0" xfId="3" applyFont="1" applyFill="1" applyBorder="1" applyAlignment="1">
      <alignment horizontal="left" vertical="center"/>
    </xf>
    <xf numFmtId="0" fontId="7" fillId="2" borderId="0" xfId="0" applyFont="1" applyFill="1" applyBorder="1" applyAlignment="1">
      <alignment horizontal="center" vertical="center" wrapText="1"/>
    </xf>
    <xf numFmtId="0" fontId="6" fillId="0" borderId="0" xfId="3" applyFont="1" applyFill="1" applyBorder="1" applyAlignment="1">
      <alignment horizontal="left"/>
    </xf>
    <xf numFmtId="10" fontId="6" fillId="0" borderId="0" xfId="2" applyNumberFormat="1" applyFont="1" applyFill="1" applyBorder="1" applyAlignment="1">
      <alignment horizontal="center"/>
    </xf>
    <xf numFmtId="0" fontId="6" fillId="0" borderId="0" xfId="0" applyFont="1" applyFill="1" applyAlignment="1">
      <alignment horizontal="center"/>
    </xf>
    <xf numFmtId="0" fontId="6" fillId="0" borderId="0" xfId="0" applyFont="1" applyFill="1"/>
    <xf numFmtId="10" fontId="6" fillId="0" borderId="0" xfId="2" applyNumberFormat="1" applyFont="1" applyFill="1" applyAlignment="1">
      <alignment horizontal="center"/>
    </xf>
    <xf numFmtId="10" fontId="6" fillId="0" borderId="0" xfId="0" applyNumberFormat="1" applyFont="1" applyFill="1"/>
    <xf numFmtId="0" fontId="6" fillId="0" borderId="1" xfId="0" applyFont="1" applyFill="1" applyBorder="1"/>
    <xf numFmtId="0" fontId="6" fillId="0" borderId="1" xfId="0" applyFont="1" applyFill="1" applyBorder="1" applyAlignment="1">
      <alignment horizontal="center"/>
    </xf>
    <xf numFmtId="0" fontId="5" fillId="0" borderId="1" xfId="0" applyFont="1" applyFill="1" applyBorder="1"/>
    <xf numFmtId="0" fontId="5" fillId="0" borderId="1" xfId="0" applyFont="1" applyFill="1" applyBorder="1" applyAlignment="1">
      <alignment horizontal="center"/>
    </xf>
    <xf numFmtId="10" fontId="6" fillId="0" borderId="1" xfId="2" applyNumberFormat="1" applyFont="1" applyFill="1" applyBorder="1" applyAlignment="1">
      <alignment horizontal="center"/>
    </xf>
    <xf numFmtId="10" fontId="6" fillId="0" borderId="0" xfId="0" applyNumberFormat="1" applyFont="1"/>
    <xf numFmtId="0" fontId="7" fillId="2" borderId="2" xfId="0" applyFont="1" applyFill="1" applyBorder="1" applyAlignment="1">
      <alignment horizontal="left"/>
    </xf>
    <xf numFmtId="0" fontId="7" fillId="2" borderId="3" xfId="0" applyFont="1" applyFill="1" applyBorder="1" applyAlignment="1">
      <alignment horizontal="center"/>
    </xf>
    <xf numFmtId="0" fontId="7" fillId="2" borderId="4" xfId="0" applyFont="1" applyFill="1" applyBorder="1" applyAlignment="1">
      <alignment horizontal="center"/>
    </xf>
    <xf numFmtId="0" fontId="6" fillId="0" borderId="5" xfId="0" applyFont="1" applyFill="1" applyBorder="1"/>
    <xf numFmtId="0" fontId="6" fillId="0" borderId="0" xfId="0" applyFont="1" applyFill="1" applyBorder="1"/>
    <xf numFmtId="9" fontId="6" fillId="0" borderId="0" xfId="0" applyNumberFormat="1" applyFont="1" applyFill="1" applyBorder="1" applyAlignment="1">
      <alignment horizontal="center"/>
    </xf>
    <xf numFmtId="9" fontId="6" fillId="0" borderId="6" xfId="0" applyNumberFormat="1" applyFont="1" applyFill="1" applyBorder="1" applyAlignment="1">
      <alignment horizontal="center"/>
    </xf>
    <xf numFmtId="0" fontId="6" fillId="0" borderId="7" xfId="0" applyFont="1" applyFill="1" applyBorder="1"/>
    <xf numFmtId="0" fontId="6" fillId="0" borderId="8" xfId="0" applyFont="1" applyFill="1" applyBorder="1" applyAlignment="1">
      <alignment horizontal="center"/>
    </xf>
    <xf numFmtId="9" fontId="6" fillId="0" borderId="0" xfId="0" applyNumberFormat="1" applyFont="1"/>
    <xf numFmtId="0" fontId="7" fillId="2" borderId="2" xfId="0" applyFont="1" applyFill="1" applyBorder="1" applyAlignment="1">
      <alignment horizontal="left" vertical="center"/>
    </xf>
    <xf numFmtId="0" fontId="7" fillId="2" borderId="3" xfId="0" applyFont="1" applyFill="1" applyBorder="1" applyAlignment="1">
      <alignment horizontal="center" wrapText="1"/>
    </xf>
    <xf numFmtId="0" fontId="7" fillId="2" borderId="3" xfId="0" applyFont="1" applyFill="1" applyBorder="1" applyAlignment="1">
      <alignment horizontal="center" vertical="center"/>
    </xf>
    <xf numFmtId="164" fontId="6" fillId="0" borderId="0" xfId="1" applyNumberFormat="1" applyFont="1" applyFill="1" applyBorder="1"/>
    <xf numFmtId="164" fontId="6" fillId="0" borderId="6" xfId="1" applyNumberFormat="1" applyFont="1" applyFill="1" applyBorder="1"/>
    <xf numFmtId="0" fontId="6" fillId="0" borderId="0" xfId="0" applyFont="1" applyFill="1" applyBorder="1" applyAlignment="1">
      <alignment horizontal="right"/>
    </xf>
    <xf numFmtId="164" fontId="6" fillId="0" borderId="1" xfId="1" applyNumberFormat="1" applyFont="1" applyFill="1" applyBorder="1"/>
    <xf numFmtId="9" fontId="6" fillId="0" borderId="1" xfId="0" applyNumberFormat="1" applyFont="1" applyFill="1" applyBorder="1" applyAlignment="1">
      <alignment horizontal="center"/>
    </xf>
    <xf numFmtId="164" fontId="6" fillId="0" borderId="0" xfId="1" applyNumberFormat="1" applyFont="1"/>
    <xf numFmtId="164" fontId="8" fillId="0" borderId="0" xfId="1" applyNumberFormat="1" applyFont="1"/>
    <xf numFmtId="164" fontId="6" fillId="0" borderId="0" xfId="0" applyNumberFormat="1" applyFont="1"/>
    <xf numFmtId="0" fontId="5" fillId="0" borderId="0" xfId="0" applyFont="1" applyBorder="1"/>
    <xf numFmtId="0" fontId="6" fillId="0" borderId="0" xfId="0" applyFont="1" applyBorder="1"/>
    <xf numFmtId="164" fontId="6" fillId="0" borderId="0" xfId="1" applyNumberFormat="1" applyFont="1" applyBorder="1"/>
    <xf numFmtId="0" fontId="6" fillId="0" borderId="0" xfId="0" applyFont="1" applyAlignment="1">
      <alignment horizontal="right"/>
    </xf>
    <xf numFmtId="0" fontId="10" fillId="3" borderId="0" xfId="0" applyFont="1" applyFill="1" applyBorder="1" applyAlignment="1">
      <alignment horizontal="center"/>
    </xf>
    <xf numFmtId="0" fontId="6" fillId="4" borderId="0" xfId="0" applyFont="1" applyFill="1" applyBorder="1"/>
    <xf numFmtId="164" fontId="6" fillId="4" borderId="0" xfId="1" applyNumberFormat="1" applyFont="1" applyFill="1" applyBorder="1"/>
    <xf numFmtId="164" fontId="6" fillId="0" borderId="0" xfId="0" applyNumberFormat="1" applyFont="1" applyBorder="1"/>
    <xf numFmtId="164" fontId="6" fillId="4" borderId="0" xfId="0" applyNumberFormat="1" applyFont="1" applyFill="1" applyBorder="1"/>
    <xf numFmtId="0" fontId="6" fillId="4" borderId="0" xfId="0" applyFont="1" applyFill="1" applyBorder="1" applyAlignment="1">
      <alignment horizontal="left" indent="1"/>
    </xf>
    <xf numFmtId="0" fontId="6" fillId="0" borderId="0" xfId="0" applyFont="1" applyBorder="1" applyAlignment="1">
      <alignment horizontal="left" indent="1"/>
    </xf>
    <xf numFmtId="164" fontId="6" fillId="4" borderId="0" xfId="4" applyNumberFormat="1" applyFont="1" applyFill="1" applyBorder="1"/>
    <xf numFmtId="0" fontId="5" fillId="5" borderId="0" xfId="0" applyFont="1" applyFill="1" applyBorder="1"/>
    <xf numFmtId="164" fontId="5" fillId="5" borderId="0" xfId="1" applyNumberFormat="1" applyFont="1" applyFill="1" applyBorder="1"/>
    <xf numFmtId="43" fontId="6" fillId="0" borderId="0" xfId="1" applyFont="1" applyBorder="1"/>
    <xf numFmtId="10" fontId="6" fillId="0" borderId="0" xfId="0" applyNumberFormat="1" applyFont="1" applyBorder="1"/>
    <xf numFmtId="10" fontId="6" fillId="0" borderId="0" xfId="2" applyNumberFormat="1" applyFont="1" applyBorder="1"/>
    <xf numFmtId="0" fontId="6" fillId="0" borderId="2" xfId="0" applyFont="1" applyBorder="1"/>
    <xf numFmtId="0" fontId="6" fillId="0" borderId="3" xfId="0" applyFont="1" applyBorder="1"/>
    <xf numFmtId="164" fontId="6" fillId="0" borderId="2" xfId="0" applyNumberFormat="1" applyFont="1" applyBorder="1"/>
    <xf numFmtId="164" fontId="6" fillId="0" borderId="3" xfId="0" applyNumberFormat="1" applyFont="1" applyBorder="1"/>
    <xf numFmtId="164" fontId="6" fillId="0" borderId="4" xfId="0" applyNumberFormat="1" applyFont="1" applyBorder="1"/>
    <xf numFmtId="0" fontId="6" fillId="6" borderId="5" xfId="0" applyFont="1" applyFill="1" applyBorder="1"/>
    <xf numFmtId="0" fontId="6" fillId="6" borderId="0" xfId="0" applyFont="1" applyFill="1" applyBorder="1"/>
    <xf numFmtId="164" fontId="6" fillId="6" borderId="5" xfId="0" applyNumberFormat="1" applyFont="1" applyFill="1" applyBorder="1"/>
    <xf numFmtId="164" fontId="6" fillId="6" borderId="0" xfId="0" applyNumberFormat="1" applyFont="1" applyFill="1" applyBorder="1"/>
    <xf numFmtId="164" fontId="6" fillId="6" borderId="6" xfId="0" applyNumberFormat="1" applyFont="1" applyFill="1" applyBorder="1"/>
    <xf numFmtId="0" fontId="6" fillId="0" borderId="5" xfId="0" applyFont="1" applyBorder="1"/>
    <xf numFmtId="164" fontId="6" fillId="0" borderId="5" xfId="1" applyNumberFormat="1" applyFont="1" applyBorder="1"/>
    <xf numFmtId="164" fontId="6" fillId="0" borderId="6" xfId="1" applyNumberFormat="1" applyFont="1" applyBorder="1"/>
    <xf numFmtId="0" fontId="6" fillId="6" borderId="7" xfId="0" applyFont="1" applyFill="1" applyBorder="1"/>
    <xf numFmtId="0" fontId="6" fillId="6" borderId="1" xfId="0" applyFont="1" applyFill="1" applyBorder="1"/>
    <xf numFmtId="164" fontId="6" fillId="6" borderId="7" xfId="1" applyNumberFormat="1" applyFont="1" applyFill="1" applyBorder="1"/>
    <xf numFmtId="164" fontId="6" fillId="6" borderId="1" xfId="1" applyNumberFormat="1" applyFont="1" applyFill="1" applyBorder="1"/>
    <xf numFmtId="164" fontId="6" fillId="6" borderId="8" xfId="1" applyNumberFormat="1" applyFont="1" applyFill="1" applyBorder="1"/>
    <xf numFmtId="9" fontId="6" fillId="0" borderId="0" xfId="2" applyFont="1"/>
    <xf numFmtId="164" fontId="6" fillId="0" borderId="0" xfId="6" applyNumberFormat="1" applyFont="1" applyBorder="1"/>
    <xf numFmtId="165" fontId="6" fillId="0" borderId="0" xfId="0" applyNumberFormat="1" applyFont="1"/>
    <xf numFmtId="164" fontId="0" fillId="0" borderId="0" xfId="1" applyNumberFormat="1" applyFont="1"/>
    <xf numFmtId="0" fontId="6" fillId="0" borderId="14" xfId="0" applyFont="1" applyBorder="1"/>
    <xf numFmtId="0" fontId="6" fillId="0" borderId="15" xfId="0" applyFont="1" applyBorder="1"/>
    <xf numFmtId="0" fontId="6" fillId="0" borderId="16" xfId="0" applyFont="1" applyBorder="1" applyAlignment="1">
      <alignment wrapText="1"/>
    </xf>
    <xf numFmtId="0" fontId="5" fillId="0" borderId="17" xfId="0" applyFont="1" applyBorder="1"/>
    <xf numFmtId="0" fontId="6" fillId="0" borderId="18" xfId="0" applyFont="1" applyBorder="1"/>
    <xf numFmtId="0" fontId="6" fillId="0" borderId="6" xfId="0" applyFont="1" applyBorder="1"/>
    <xf numFmtId="0" fontId="0" fillId="0" borderId="19" xfId="0" applyBorder="1"/>
    <xf numFmtId="0" fontId="6" fillId="7" borderId="17" xfId="0" applyFont="1" applyFill="1" applyBorder="1"/>
    <xf numFmtId="0" fontId="6" fillId="7" borderId="18" xfId="0" applyFont="1" applyFill="1" applyBorder="1"/>
    <xf numFmtId="0" fontId="6" fillId="7" borderId="6" xfId="0" applyFont="1" applyFill="1" applyBorder="1"/>
    <xf numFmtId="0" fontId="6" fillId="0" borderId="17" xfId="0" applyFont="1" applyFill="1" applyBorder="1"/>
    <xf numFmtId="164" fontId="6" fillId="0" borderId="18" xfId="1" applyNumberFormat="1" applyFont="1" applyFill="1" applyBorder="1"/>
    <xf numFmtId="0" fontId="0" fillId="0" borderId="0" xfId="0" applyFill="1"/>
    <xf numFmtId="9" fontId="6" fillId="0" borderId="18" xfId="2" applyFont="1" applyFill="1" applyBorder="1"/>
    <xf numFmtId="0" fontId="6" fillId="0" borderId="17" xfId="0" applyFont="1" applyBorder="1"/>
    <xf numFmtId="164" fontId="6" fillId="0" borderId="18" xfId="1" applyNumberFormat="1" applyFont="1" applyBorder="1"/>
    <xf numFmtId="164" fontId="0" fillId="0" borderId="19" xfId="0" applyNumberFormat="1" applyBorder="1"/>
    <xf numFmtId="164" fontId="6" fillId="0" borderId="19" xfId="1" applyNumberFormat="1" applyFont="1" applyFill="1" applyBorder="1"/>
    <xf numFmtId="164" fontId="6" fillId="0" borderId="20" xfId="1" applyNumberFormat="1" applyFont="1" applyFill="1" applyBorder="1"/>
    <xf numFmtId="0" fontId="0" fillId="0" borderId="19" xfId="0" applyFill="1" applyBorder="1"/>
    <xf numFmtId="164" fontId="0" fillId="0" borderId="19" xfId="0" applyNumberFormat="1" applyFill="1" applyBorder="1"/>
    <xf numFmtId="0" fontId="5" fillId="0" borderId="17" xfId="0" applyFont="1" applyFill="1" applyBorder="1"/>
    <xf numFmtId="1" fontId="6" fillId="0" borderId="18" xfId="1" applyNumberFormat="1" applyFont="1" applyFill="1" applyBorder="1"/>
    <xf numFmtId="9" fontId="6" fillId="0" borderId="6" xfId="2" applyFont="1" applyFill="1" applyBorder="1"/>
    <xf numFmtId="9" fontId="6" fillId="0" borderId="18" xfId="2" applyFont="1" applyBorder="1"/>
    <xf numFmtId="9" fontId="0" fillId="0" borderId="19" xfId="0" applyNumberFormat="1" applyBorder="1"/>
    <xf numFmtId="9" fontId="6" fillId="0" borderId="0" xfId="2" applyFont="1" applyFill="1" applyBorder="1"/>
    <xf numFmtId="165" fontId="6" fillId="0" borderId="18" xfId="1" applyNumberFormat="1" applyFont="1" applyBorder="1"/>
    <xf numFmtId="165" fontId="6" fillId="0" borderId="20" xfId="1" applyNumberFormat="1" applyFont="1" applyBorder="1"/>
    <xf numFmtId="165" fontId="6" fillId="0" borderId="18" xfId="0" applyNumberFormat="1" applyFont="1" applyBorder="1"/>
    <xf numFmtId="0" fontId="6" fillId="0" borderId="17" xfId="0" applyFont="1" applyBorder="1" applyAlignment="1">
      <alignment horizontal="left" indent="2"/>
    </xf>
    <xf numFmtId="165" fontId="6" fillId="0" borderId="18" xfId="1" applyNumberFormat="1" applyFont="1" applyFill="1" applyBorder="1"/>
    <xf numFmtId="165" fontId="6" fillId="0" borderId="6" xfId="1" applyNumberFormat="1" applyFont="1" applyBorder="1"/>
    <xf numFmtId="0" fontId="4" fillId="0" borderId="0" xfId="0" applyFont="1"/>
    <xf numFmtId="0" fontId="0" fillId="0" borderId="0" xfId="0" quotePrefix="1"/>
    <xf numFmtId="0" fontId="6" fillId="8" borderId="17" xfId="0" applyFont="1" applyFill="1" applyBorder="1"/>
    <xf numFmtId="0" fontId="6" fillId="8" borderId="18" xfId="0" applyFont="1" applyFill="1" applyBorder="1"/>
    <xf numFmtId="0" fontId="6" fillId="8" borderId="6" xfId="0" applyFont="1" applyFill="1" applyBorder="1"/>
    <xf numFmtId="0" fontId="0" fillId="9" borderId="19" xfId="0" applyFill="1" applyBorder="1"/>
    <xf numFmtId="0" fontId="11" fillId="0" borderId="17" xfId="0" applyFont="1" applyBorder="1"/>
    <xf numFmtId="164" fontId="11" fillId="0" borderId="18" xfId="1" applyNumberFormat="1" applyFont="1" applyBorder="1"/>
    <xf numFmtId="164" fontId="5" fillId="0" borderId="18" xfId="1" applyNumberFormat="1" applyFont="1" applyFill="1" applyBorder="1"/>
    <xf numFmtId="164" fontId="5" fillId="0" borderId="20" xfId="1" applyNumberFormat="1" applyFont="1" applyFill="1" applyBorder="1"/>
    <xf numFmtId="164" fontId="0" fillId="0" borderId="0" xfId="0" applyNumberFormat="1"/>
    <xf numFmtId="0" fontId="6" fillId="0" borderId="17" xfId="0" applyFont="1" applyBorder="1" applyAlignment="1">
      <alignment horizontal="left" indent="3"/>
    </xf>
    <xf numFmtId="164" fontId="12" fillId="0" borderId="18" xfId="1" applyNumberFormat="1" applyFont="1" applyBorder="1"/>
    <xf numFmtId="164" fontId="11" fillId="0" borderId="20" xfId="1" applyNumberFormat="1" applyFont="1" applyBorder="1"/>
    <xf numFmtId="0" fontId="5" fillId="0" borderId="17" xfId="0" applyFont="1" applyBorder="1" applyAlignment="1">
      <alignment horizontal="left"/>
    </xf>
    <xf numFmtId="164" fontId="6" fillId="0" borderId="18" xfId="4" applyNumberFormat="1" applyFont="1" applyBorder="1"/>
    <xf numFmtId="164" fontId="6" fillId="0" borderId="20" xfId="1" applyNumberFormat="1" applyFont="1" applyBorder="1"/>
    <xf numFmtId="164" fontId="11" fillId="0" borderId="18" xfId="6" applyNumberFormat="1" applyFont="1" applyBorder="1"/>
    <xf numFmtId="164" fontId="11" fillId="0" borderId="20" xfId="6" applyNumberFormat="1" applyFont="1" applyBorder="1"/>
    <xf numFmtId="0" fontId="11" fillId="0" borderId="21" xfId="0" applyFont="1" applyBorder="1"/>
    <xf numFmtId="164" fontId="11" fillId="0" borderId="22" xfId="1" applyNumberFormat="1" applyFont="1" applyBorder="1"/>
    <xf numFmtId="0" fontId="11" fillId="10" borderId="21" xfId="0" applyFont="1" applyFill="1" applyBorder="1"/>
    <xf numFmtId="164" fontId="11" fillId="10" borderId="22" xfId="0" applyNumberFormat="1" applyFont="1" applyFill="1" applyBorder="1"/>
    <xf numFmtId="164" fontId="11" fillId="0" borderId="0" xfId="1" applyNumberFormat="1" applyFont="1" applyFill="1" applyBorder="1"/>
    <xf numFmtId="9" fontId="6" fillId="0" borderId="20" xfId="2" applyFont="1" applyFill="1" applyBorder="1"/>
    <xf numFmtId="165" fontId="6" fillId="0" borderId="20" xfId="0" applyNumberFormat="1" applyFont="1" applyBorder="1"/>
    <xf numFmtId="165" fontId="6" fillId="0" borderId="19" xfId="1" applyNumberFormat="1" applyFont="1" applyBorder="1"/>
    <xf numFmtId="164" fontId="11" fillId="0" borderId="24" xfId="1" applyNumberFormat="1" applyFont="1" applyBorder="1"/>
    <xf numFmtId="164" fontId="11" fillId="10" borderId="24" xfId="0" applyNumberFormat="1" applyFont="1" applyFill="1" applyBorder="1"/>
    <xf numFmtId="0" fontId="16" fillId="0" borderId="0" xfId="193" applyFont="1"/>
    <xf numFmtId="0" fontId="4" fillId="0" borderId="0" xfId="193"/>
    <xf numFmtId="0" fontId="2" fillId="0" borderId="0" xfId="204"/>
    <xf numFmtId="0" fontId="1" fillId="0" borderId="0" xfId="204" applyFont="1"/>
    <xf numFmtId="0" fontId="17" fillId="0" borderId="0" xfId="193" applyFont="1" applyAlignment="1">
      <alignment horizontal="center"/>
    </xf>
    <xf numFmtId="0" fontId="17" fillId="0" borderId="0" xfId="193" applyFont="1" applyAlignment="1">
      <alignment horizontal="center" vertical="center"/>
    </xf>
    <xf numFmtId="0" fontId="18" fillId="0" borderId="0" xfId="0" applyFont="1" applyAlignment="1"/>
    <xf numFmtId="0" fontId="19" fillId="0" borderId="0" xfId="0" applyFont="1" applyAlignment="1">
      <alignment horizontal="center" vertic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left"/>
    </xf>
    <xf numFmtId="0" fontId="18" fillId="0" borderId="0" xfId="0" applyFont="1" applyAlignment="1">
      <alignment horizontal="left" indent="1"/>
    </xf>
    <xf numFmtId="0" fontId="20" fillId="0" borderId="0" xfId="0" applyFont="1" applyAlignment="1"/>
    <xf numFmtId="0" fontId="19" fillId="0" borderId="0" xfId="0" applyFont="1" applyAlignment="1"/>
    <xf numFmtId="0" fontId="21" fillId="0" borderId="0" xfId="0" applyFont="1" applyAlignment="1"/>
    <xf numFmtId="0" fontId="22" fillId="0" borderId="0" xfId="0" applyFont="1"/>
    <xf numFmtId="0" fontId="20" fillId="0" borderId="0" xfId="0" applyFont="1"/>
    <xf numFmtId="9" fontId="20" fillId="0" borderId="0" xfId="0" applyNumberFormat="1" applyFont="1"/>
    <xf numFmtId="49" fontId="0" fillId="0" borderId="0" xfId="0" applyNumberFormat="1" applyAlignment="1">
      <alignment horizontal="center" vertical="center"/>
    </xf>
    <xf numFmtId="0" fontId="5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6" fillId="0" borderId="0" xfId="0" applyFont="1" applyFill="1" applyBorder="1" applyAlignment="1">
      <alignment horizontal="center"/>
    </xf>
    <xf numFmtId="0" fontId="6" fillId="0" borderId="1" xfId="0" applyFont="1" applyFill="1" applyBorder="1" applyAlignment="1">
      <alignment horizontal="right"/>
    </xf>
    <xf numFmtId="0" fontId="20" fillId="0" borderId="0" xfId="0" applyFont="1" applyBorder="1"/>
    <xf numFmtId="0" fontId="0" fillId="0" borderId="9" xfId="0" applyFont="1" applyBorder="1"/>
    <xf numFmtId="0" fontId="0" fillId="0" borderId="10" xfId="0" applyFont="1" applyBorder="1"/>
    <xf numFmtId="0" fontId="0" fillId="0" borderId="11" xfId="0" applyFont="1" applyBorder="1"/>
    <xf numFmtId="0" fontId="23" fillId="0" borderId="9" xfId="0" applyFont="1" applyBorder="1"/>
    <xf numFmtId="0" fontId="23" fillId="0" borderId="10" xfId="0" applyFont="1" applyBorder="1"/>
    <xf numFmtId="43" fontId="23" fillId="0" borderId="11" xfId="1" applyFont="1" applyBorder="1"/>
    <xf numFmtId="0" fontId="0" fillId="0" borderId="0" xfId="0" applyFont="1" applyBorder="1"/>
    <xf numFmtId="0" fontId="0" fillId="0" borderId="0" xfId="0" applyFont="1"/>
    <xf numFmtId="164" fontId="0" fillId="0" borderId="11" xfId="1" applyNumberFormat="1" applyFont="1" applyBorder="1"/>
    <xf numFmtId="164" fontId="0" fillId="0" borderId="11" xfId="4" applyNumberFormat="1" applyFont="1" applyBorder="1"/>
    <xf numFmtId="0" fontId="22" fillId="0" borderId="0" xfId="0" applyFont="1" applyBorder="1"/>
    <xf numFmtId="0" fontId="20" fillId="0" borderId="12" xfId="0" applyFont="1" applyBorder="1"/>
    <xf numFmtId="10" fontId="20" fillId="0" borderId="13" xfId="0" applyNumberFormat="1" applyFont="1" applyBorder="1"/>
    <xf numFmtId="43" fontId="23" fillId="0" borderId="11" xfId="0" applyNumberFormat="1" applyFont="1" applyBorder="1"/>
    <xf numFmtId="164" fontId="23" fillId="0" borderId="11" xfId="1" applyNumberFormat="1" applyFont="1" applyBorder="1"/>
  </cellXfs>
  <cellStyles count="205">
    <cellStyle name="_TCOS0107" xfId="7"/>
    <cellStyle name="_TCOS0108" xfId="8"/>
    <cellStyle name="_TCOS0109" xfId="9"/>
    <cellStyle name="_TCOS0110" xfId="10"/>
    <cellStyle name="_TCOS0111" xfId="11"/>
    <cellStyle name="_TCOS0112" xfId="12"/>
    <cellStyle name="_TCOS0207" xfId="13"/>
    <cellStyle name="_TCOS0208" xfId="14"/>
    <cellStyle name="_TCOS0209" xfId="15"/>
    <cellStyle name="_TCOS0210" xfId="16"/>
    <cellStyle name="_TCOS0211" xfId="17"/>
    <cellStyle name="_TCOS0212" xfId="18"/>
    <cellStyle name="_TCOS0307" xfId="19"/>
    <cellStyle name="_TCOS0308" xfId="20"/>
    <cellStyle name="_TCOS0309" xfId="21"/>
    <cellStyle name="_TCOS0310" xfId="22"/>
    <cellStyle name="_TCOS0311" xfId="23"/>
    <cellStyle name="_TCOS0407" xfId="24"/>
    <cellStyle name="_TCOS0408" xfId="25"/>
    <cellStyle name="_TCOS0409" xfId="26"/>
    <cellStyle name="_TCOS0410" xfId="27"/>
    <cellStyle name="_TCOS0411" xfId="28"/>
    <cellStyle name="_TCOS0507" xfId="29"/>
    <cellStyle name="_TCOS0508" xfId="30"/>
    <cellStyle name="_TCOS0509" xfId="31"/>
    <cellStyle name="_TCOS0510" xfId="32"/>
    <cellStyle name="_TCOS0511" xfId="33"/>
    <cellStyle name="_TCOS0607" xfId="34"/>
    <cellStyle name="_TCOS0608" xfId="35"/>
    <cellStyle name="_TCOS0609" xfId="36"/>
    <cellStyle name="_TCOS0610" xfId="37"/>
    <cellStyle name="_TCOS0611" xfId="38"/>
    <cellStyle name="_TCOS0707" xfId="39"/>
    <cellStyle name="_TCOS0708" xfId="40"/>
    <cellStyle name="_TCOS0709" xfId="41"/>
    <cellStyle name="_TCOS0710" xfId="42"/>
    <cellStyle name="_TCOS0711" xfId="43"/>
    <cellStyle name="_TCOS0807" xfId="44"/>
    <cellStyle name="_TCOS0808" xfId="45"/>
    <cellStyle name="_TCOS0809" xfId="46"/>
    <cellStyle name="_TCOS0810" xfId="47"/>
    <cellStyle name="_TCOS0811" xfId="48"/>
    <cellStyle name="_TCOS0907" xfId="49"/>
    <cellStyle name="_TCOS0908" xfId="50"/>
    <cellStyle name="_TCOS0909" xfId="51"/>
    <cellStyle name="_TCOS0909 (2)" xfId="52"/>
    <cellStyle name="_TCOS0910" xfId="53"/>
    <cellStyle name="_TCOS0911" xfId="54"/>
    <cellStyle name="_TCOS1007" xfId="55"/>
    <cellStyle name="_TCOS1008" xfId="56"/>
    <cellStyle name="_TCOS1009" xfId="57"/>
    <cellStyle name="_TCOS1010" xfId="58"/>
    <cellStyle name="_TCOS1011" xfId="59"/>
    <cellStyle name="_TCOS1106" xfId="60"/>
    <cellStyle name="_TCOS1107" xfId="61"/>
    <cellStyle name="_TCOS1108" xfId="62"/>
    <cellStyle name="_TCOS1109" xfId="63"/>
    <cellStyle name="_TCOS1110" xfId="64"/>
    <cellStyle name="_TCOS1111" xfId="65"/>
    <cellStyle name="_TCOS1206" xfId="66"/>
    <cellStyle name="_TCOS1207" xfId="67"/>
    <cellStyle name="_TCOS1208" xfId="68"/>
    <cellStyle name="_TCOS1208 (2)" xfId="69"/>
    <cellStyle name="_TCOS1209" xfId="70"/>
    <cellStyle name="_TCOS1210" xfId="71"/>
    <cellStyle name="_TCOS1211" xfId="72"/>
    <cellStyle name="_TCOS1306" xfId="73"/>
    <cellStyle name="_TCOS1307" xfId="74"/>
    <cellStyle name="_TCOS1308" xfId="75"/>
    <cellStyle name="_TCOS1309" xfId="76"/>
    <cellStyle name="_TCOS1310" xfId="77"/>
    <cellStyle name="_TCOS1311" xfId="78"/>
    <cellStyle name="_TCOS1406" xfId="79"/>
    <cellStyle name="_TCOS1407" xfId="80"/>
    <cellStyle name="_TCOS1408" xfId="81"/>
    <cellStyle name="_TCOS1409" xfId="82"/>
    <cellStyle name="_TCOS1410" xfId="83"/>
    <cellStyle name="_TCOS1411" xfId="84"/>
    <cellStyle name="_tcos1506" xfId="85"/>
    <cellStyle name="_TCOS1507" xfId="86"/>
    <cellStyle name="_TCOS1508" xfId="87"/>
    <cellStyle name="_TCOS1509" xfId="88"/>
    <cellStyle name="_TCOS1510" xfId="89"/>
    <cellStyle name="_TCOS1511" xfId="90"/>
    <cellStyle name="_TCOS1606" xfId="91"/>
    <cellStyle name="_TCOS1607" xfId="92"/>
    <cellStyle name="_TCOS1608" xfId="93"/>
    <cellStyle name="_TCOS1609" xfId="94"/>
    <cellStyle name="_TCOS1610" xfId="95"/>
    <cellStyle name="_TCOS1611" xfId="96"/>
    <cellStyle name="_tcos1706" xfId="97"/>
    <cellStyle name="_TCOS1707" xfId="98"/>
    <cellStyle name="_TCOS1708" xfId="99"/>
    <cellStyle name="_TCOS1709" xfId="100"/>
    <cellStyle name="_TCOS1710" xfId="101"/>
    <cellStyle name="_TCOS1711" xfId="102"/>
    <cellStyle name="_TCOS1806" xfId="103"/>
    <cellStyle name="_TCOS1807" xfId="104"/>
    <cellStyle name="_TCOS1808" xfId="105"/>
    <cellStyle name="_TCOS1809" xfId="106"/>
    <cellStyle name="_TCOS1809 (2)" xfId="107"/>
    <cellStyle name="_TCOS1810" xfId="108"/>
    <cellStyle name="_TCOS1811" xfId="109"/>
    <cellStyle name="_tcos1906" xfId="110"/>
    <cellStyle name="_TCOS1907" xfId="111"/>
    <cellStyle name="_TCOS1908" xfId="112"/>
    <cellStyle name="_TCOS1909" xfId="113"/>
    <cellStyle name="_TCOS1909 (2)" xfId="114"/>
    <cellStyle name="_TCOS1910" xfId="115"/>
    <cellStyle name="_TCOS1911" xfId="116"/>
    <cellStyle name="_TCOS2006" xfId="117"/>
    <cellStyle name="_TCOS2007" xfId="118"/>
    <cellStyle name="_TCOS2008" xfId="119"/>
    <cellStyle name="_TCOS2009" xfId="120"/>
    <cellStyle name="_TCOS2009 (2)" xfId="121"/>
    <cellStyle name="_TCOS2010" xfId="122"/>
    <cellStyle name="_TCOS2011" xfId="123"/>
    <cellStyle name="_TCOS2106" xfId="124"/>
    <cellStyle name="_TCOS2107" xfId="125"/>
    <cellStyle name="_TCOS2108" xfId="126"/>
    <cellStyle name="_TCOS2109" xfId="127"/>
    <cellStyle name="_TCOS2110" xfId="128"/>
    <cellStyle name="_TCOS2111" xfId="129"/>
    <cellStyle name="_TCOS2207" xfId="130"/>
    <cellStyle name="_TCOS2208" xfId="131"/>
    <cellStyle name="_TCOS2209" xfId="132"/>
    <cellStyle name="_TCOS2210" xfId="133"/>
    <cellStyle name="_TCOS2211" xfId="134"/>
    <cellStyle name="_TCOS2306" xfId="135"/>
    <cellStyle name="_TCOS2307" xfId="136"/>
    <cellStyle name="_TCOS2308" xfId="137"/>
    <cellStyle name="_TCOS2309" xfId="138"/>
    <cellStyle name="_TCOS2310" xfId="139"/>
    <cellStyle name="_TCOS2311" xfId="140"/>
    <cellStyle name="_TCOS2406" xfId="141"/>
    <cellStyle name="_TCOS2407" xfId="142"/>
    <cellStyle name="_TCOS2408" xfId="143"/>
    <cellStyle name="_TCOS2409" xfId="144"/>
    <cellStyle name="_TCOS2410" xfId="145"/>
    <cellStyle name="_TCOS2411" xfId="146"/>
    <cellStyle name="_TCOS2506" xfId="147"/>
    <cellStyle name="_TCOS2507" xfId="148"/>
    <cellStyle name="_TCOS2508" xfId="149"/>
    <cellStyle name="_TCOS2509" xfId="150"/>
    <cellStyle name="_TCOS2510" xfId="151"/>
    <cellStyle name="_TCOS2511" xfId="152"/>
    <cellStyle name="_TCOS2606" xfId="153"/>
    <cellStyle name="_TCOS2607" xfId="154"/>
    <cellStyle name="_TCOS2608" xfId="155"/>
    <cellStyle name="_TCOS2609" xfId="156"/>
    <cellStyle name="_TCOS2610" xfId="157"/>
    <cellStyle name="_TCOS2611" xfId="158"/>
    <cellStyle name="_TCOS2706" xfId="159"/>
    <cellStyle name="_TCOS2707" xfId="160"/>
    <cellStyle name="_TCOS2708" xfId="161"/>
    <cellStyle name="_TCOS2709" xfId="162"/>
    <cellStyle name="_TCOS2710" xfId="163"/>
    <cellStyle name="_TCOS2711" xfId="164"/>
    <cellStyle name="_TCOS2806" xfId="165"/>
    <cellStyle name="_TCOS2807" xfId="166"/>
    <cellStyle name="_TCOS2808" xfId="167"/>
    <cellStyle name="_TCOS2809" xfId="168"/>
    <cellStyle name="_TCOS2810" xfId="169"/>
    <cellStyle name="_TCOS2811" xfId="170"/>
    <cellStyle name="_TCOS2906" xfId="171"/>
    <cellStyle name="_TCOS2907" xfId="172"/>
    <cellStyle name="_TCOS2908" xfId="173"/>
    <cellStyle name="_TCOS2909" xfId="174"/>
    <cellStyle name="_TCOS2910" xfId="175"/>
    <cellStyle name="_TCOS2911" xfId="176"/>
    <cellStyle name="_TCOS3006" xfId="177"/>
    <cellStyle name="_TCOS3007" xfId="178"/>
    <cellStyle name="_TCOS3007 (2)" xfId="179"/>
    <cellStyle name="_TCOS3008" xfId="180"/>
    <cellStyle name="_TCOS3009" xfId="181"/>
    <cellStyle name="_TCOS3010" xfId="182"/>
    <cellStyle name="_TCOS3011" xfId="183"/>
    <cellStyle name="_TCOS3107" xfId="184"/>
    <cellStyle name="_TCOS3108" xfId="185"/>
    <cellStyle name="_TCOS3110" xfId="186"/>
    <cellStyle name="0" xfId="187"/>
    <cellStyle name="Data" xfId="188"/>
    <cellStyle name="Estilo 1" xfId="189"/>
    <cellStyle name="Fixo" xfId="190"/>
    <cellStyle name="Indefinido" xfId="191"/>
    <cellStyle name="Moeda 2" xfId="192"/>
    <cellStyle name="Normal" xfId="0" builtinId="0"/>
    <cellStyle name="Normal 2" xfId="3"/>
    <cellStyle name="Normal 3" xfId="204"/>
    <cellStyle name="Normal 9" xfId="193"/>
    <cellStyle name="Percent" xfId="194"/>
    <cellStyle name="Percentual" xfId="195"/>
    <cellStyle name="Ponto" xfId="196"/>
    <cellStyle name="Porcentagem" xfId="2" builtinId="5"/>
    <cellStyle name="Porcentagem 2" xfId="197"/>
    <cellStyle name="Separador de milhares" xfId="1" builtinId="3"/>
    <cellStyle name="Separador de milhares [2]" xfId="198"/>
    <cellStyle name="Separador de milhares 2" xfId="5"/>
    <cellStyle name="Separador de milhares 2 3" xfId="199"/>
    <cellStyle name="Separador de milhares 3" xfId="4"/>
    <cellStyle name="Separador de milhares 4" xfId="200"/>
    <cellStyle name="Separador de milhares 4 2" xfId="6"/>
    <cellStyle name="Separador de milhares 9" xfId="201"/>
    <cellStyle name="Titulo1" xfId="202"/>
    <cellStyle name="Titulo2" xfId="203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2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5</xdr:colOff>
      <xdr:row>11</xdr:row>
      <xdr:rowOff>342900</xdr:rowOff>
    </xdr:from>
    <xdr:to>
      <xdr:col>8</xdr:col>
      <xdr:colOff>451596</xdr:colOff>
      <xdr:row>26</xdr:row>
      <xdr:rowOff>19050</xdr:rowOff>
    </xdr:to>
    <xdr:pic>
      <xdr:nvPicPr>
        <xdr:cNvPr id="3" name="Imagem 2" descr="C:\Users\s1240498\Desktop\Logo Prefeitura SP.jpg"/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85800" y="3648075"/>
          <a:ext cx="4871196" cy="3076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0</xdr:col>
      <xdr:colOff>35720</xdr:colOff>
      <xdr:row>0</xdr:row>
      <xdr:rowOff>76200</xdr:rowOff>
    </xdr:from>
    <xdr:to>
      <xdr:col>10</xdr:col>
      <xdr:colOff>1</xdr:colOff>
      <xdr:row>39</xdr:row>
      <xdr:rowOff>180975</xdr:rowOff>
    </xdr:to>
    <xdr:sp macro="" textlink="">
      <xdr:nvSpPr>
        <xdr:cNvPr id="4" name="Rectangle 1"/>
        <xdr:cNvSpPr>
          <a:spLocks noChangeArrowheads="1"/>
        </xdr:cNvSpPr>
      </xdr:nvSpPr>
      <xdr:spPr bwMode="auto">
        <a:xfrm>
          <a:off x="35720" y="76200"/>
          <a:ext cx="6393656" cy="9344025"/>
        </a:xfrm>
        <a:prstGeom prst="rect">
          <a:avLst/>
        </a:prstGeom>
        <a:noFill/>
        <a:ln w="101600" cmpd="thinThick">
          <a:solidFill>
            <a:srgbClr val="7F7F7F"/>
          </a:solidFill>
          <a:miter lim="800000"/>
          <a:headEnd/>
          <a:tailEnd/>
        </a:ln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7</xdr:colOff>
      <xdr:row>0</xdr:row>
      <xdr:rowOff>47625</xdr:rowOff>
    </xdr:from>
    <xdr:to>
      <xdr:col>21</xdr:col>
      <xdr:colOff>649969</xdr:colOff>
      <xdr:row>1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66218" y="47625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7</xdr:colOff>
      <xdr:row>0</xdr:row>
      <xdr:rowOff>83343</xdr:rowOff>
    </xdr:from>
    <xdr:to>
      <xdr:col>21</xdr:col>
      <xdr:colOff>649969</xdr:colOff>
      <xdr:row>2</xdr:row>
      <xdr:rowOff>135480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5" y="83343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7</xdr:colOff>
      <xdr:row>0</xdr:row>
      <xdr:rowOff>59531</xdr:rowOff>
    </xdr:from>
    <xdr:to>
      <xdr:col>21</xdr:col>
      <xdr:colOff>649969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5" y="59531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9093</xdr:colOff>
      <xdr:row>0</xdr:row>
      <xdr:rowOff>83344</xdr:rowOff>
    </xdr:from>
    <xdr:to>
      <xdr:col>21</xdr:col>
      <xdr:colOff>661875</xdr:colOff>
      <xdr:row>2</xdr:row>
      <xdr:rowOff>52137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30499" y="83344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7</xdr:colOff>
      <xdr:row>0</xdr:row>
      <xdr:rowOff>83344</xdr:rowOff>
    </xdr:from>
    <xdr:to>
      <xdr:col>21</xdr:col>
      <xdr:colOff>649969</xdr:colOff>
      <xdr:row>2</xdr:row>
      <xdr:rowOff>135481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18593" y="83344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9094</xdr:colOff>
      <xdr:row>0</xdr:row>
      <xdr:rowOff>47625</xdr:rowOff>
    </xdr:from>
    <xdr:to>
      <xdr:col>21</xdr:col>
      <xdr:colOff>661876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90032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400050</xdr:colOff>
      <xdr:row>0</xdr:row>
      <xdr:rowOff>42863</xdr:rowOff>
    </xdr:from>
    <xdr:to>
      <xdr:col>12</xdr:col>
      <xdr:colOff>626157</xdr:colOff>
      <xdr:row>2</xdr:row>
      <xdr:rowOff>140244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960644" y="42863"/>
          <a:ext cx="1702482" cy="430756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266699</xdr:colOff>
      <xdr:row>0</xdr:row>
      <xdr:rowOff>28575</xdr:rowOff>
    </xdr:from>
    <xdr:to>
      <xdr:col>9</xdr:col>
      <xdr:colOff>561974</xdr:colOff>
      <xdr:row>1</xdr:row>
      <xdr:rowOff>12685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899" y="28575"/>
          <a:ext cx="1514475" cy="364981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0</xdr:col>
      <xdr:colOff>71438</xdr:colOff>
      <xdr:row>0</xdr:row>
      <xdr:rowOff>35719</xdr:rowOff>
    </xdr:from>
    <xdr:to>
      <xdr:col>22</xdr:col>
      <xdr:colOff>567420</xdr:colOff>
      <xdr:row>2</xdr:row>
      <xdr:rowOff>87856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739813" y="35719"/>
          <a:ext cx="1686607" cy="421231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47625</xdr:colOff>
      <xdr:row>82</xdr:row>
      <xdr:rowOff>23813</xdr:rowOff>
    </xdr:from>
    <xdr:to>
      <xdr:col>22</xdr:col>
      <xdr:colOff>543607</xdr:colOff>
      <xdr:row>84</xdr:row>
      <xdr:rowOff>111669</xdr:rowOff>
    </xdr:to>
    <xdr:pic>
      <xdr:nvPicPr>
        <xdr:cNvPr id="4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716000" y="12358688"/>
          <a:ext cx="1686607" cy="421231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35719</xdr:colOff>
      <xdr:row>164</xdr:row>
      <xdr:rowOff>35718</xdr:rowOff>
    </xdr:from>
    <xdr:to>
      <xdr:col>22</xdr:col>
      <xdr:colOff>531701</xdr:colOff>
      <xdr:row>167</xdr:row>
      <xdr:rowOff>28324</xdr:rowOff>
    </xdr:to>
    <xdr:pic>
      <xdr:nvPicPr>
        <xdr:cNvPr id="5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704094" y="24800718"/>
          <a:ext cx="1686607" cy="421231"/>
        </a:xfrm>
        <a:prstGeom prst="rect">
          <a:avLst/>
        </a:prstGeom>
        <a:noFill/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35719</xdr:rowOff>
    </xdr:from>
    <xdr:to>
      <xdr:col>21</xdr:col>
      <xdr:colOff>673782</xdr:colOff>
      <xdr:row>2</xdr:row>
      <xdr:rowOff>451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6" y="35719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45281</xdr:colOff>
      <xdr:row>0</xdr:row>
      <xdr:rowOff>35720</xdr:rowOff>
    </xdr:from>
    <xdr:to>
      <xdr:col>21</xdr:col>
      <xdr:colOff>638063</xdr:colOff>
      <xdr:row>2</xdr:row>
      <xdr:rowOff>16420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23344" y="35720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9094</xdr:colOff>
      <xdr:row>0</xdr:row>
      <xdr:rowOff>47625</xdr:rowOff>
    </xdr:from>
    <xdr:to>
      <xdr:col>21</xdr:col>
      <xdr:colOff>661876</xdr:colOff>
      <xdr:row>2</xdr:row>
      <xdr:rowOff>1641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90032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47625</xdr:rowOff>
    </xdr:from>
    <xdr:to>
      <xdr:col>21</xdr:col>
      <xdr:colOff>649970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6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23813</xdr:rowOff>
    </xdr:from>
    <xdr:to>
      <xdr:col>21</xdr:col>
      <xdr:colOff>673782</xdr:colOff>
      <xdr:row>2</xdr:row>
      <xdr:rowOff>1641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501938" y="23813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35719</xdr:rowOff>
    </xdr:from>
    <xdr:to>
      <xdr:col>21</xdr:col>
      <xdr:colOff>669020</xdr:colOff>
      <xdr:row>2</xdr:row>
      <xdr:rowOff>8785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30501" y="35719"/>
          <a:ext cx="1692957" cy="421231"/>
        </a:xfrm>
        <a:prstGeom prst="rect">
          <a:avLst/>
        </a:prstGeom>
        <a:noFill/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Estudos%20Econ&#244;micos/GES/TARIFA%2012-13/PLANILHA%20TARIF&#193;RIA%20-%20inicia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EDITAL%202017/FLUXOS%20DE%20CAIXA/Dimensionamento%20V.4%20-%2018ago17/Fluxo%20-SEM%20RESERVA%20T&#201;CNICA%20v18ago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CONSULTA/Fluxo-S&#211;%20RESERVA%20T&#201;CNICA-%20v18abr18%20-%20rev%20pre&#231;os%20-%20ajuste%20diesel%20EY%20-%20rev2.xls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planilha 10"/>
      <sheetName val="QUADRO"/>
      <sheetName val="FLUXO"/>
      <sheetName val="remuneração permissão"/>
      <sheetName val="comparativo - total"/>
      <sheetName val="desp adm PERMISSÃO "/>
      <sheetName val="desp adm. CONCESSÃO"/>
      <sheetName val="INFLAÇÃO"/>
      <sheetName val="ORÇAMENTO 11"/>
      <sheetName val="quadros de alternativa"/>
      <sheetName val="FLUXO (2)"/>
      <sheetName val="fluxo empresa"/>
      <sheetName val="fluxo empresa (2)"/>
      <sheetName val="Plan3"/>
      <sheetName val="ESTUDOS cesta red"/>
      <sheetName val="ESTUDOS -mdo - proposta spur"/>
      <sheetName val="ESTUDOS - proposta spurb2"/>
      <sheetName val="ESTUDOS - proposta a"/>
      <sheetName val="recursos"/>
      <sheetName val="Plan5"/>
      <sheetName val="Plan2"/>
      <sheetName val="Plan1"/>
      <sheetName val="ESTUDOS - proposta final"/>
      <sheetName val="ESTUDOS"/>
      <sheetName val="salários"/>
      <sheetName val="Plan4"/>
      <sheetName val="ENTRADA"/>
      <sheetName val="2010"/>
      <sheetName val="Quadro 1 - final"/>
      <sheetName val="Quadro 2"/>
      <sheetName val="Quadro 3"/>
      <sheetName val="Quadro 4 resumo"/>
      <sheetName val="Quadro 5"/>
      <sheetName val="Quadro 6"/>
      <sheetName val="Parâmetros"/>
      <sheetName val="Bco Semanal"/>
      <sheetName val="DEPR E REM"/>
      <sheetName val="ALTERNATIVAS"/>
      <sheetName val="banco atual"/>
      <sheetName val="renovação 2003"/>
      <sheetName val="renovação 50%"/>
      <sheetName val="renovação"/>
    </sheetNames>
    <sheetDataSet>
      <sheetData sheetId="0">
        <row r="4">
          <cell r="C4" t="str">
            <v>SISTEMA</v>
          </cell>
        </row>
      </sheetData>
      <sheetData sheetId="1"/>
      <sheetData sheetId="2">
        <row r="4">
          <cell r="C4">
            <v>81554819.327330455</v>
          </cell>
        </row>
      </sheetData>
      <sheetData sheetId="3"/>
      <sheetData sheetId="4">
        <row r="4">
          <cell r="C4" t="str">
            <v>medida</v>
          </cell>
        </row>
      </sheetData>
      <sheetData sheetId="5">
        <row r="4">
          <cell r="C4" t="str">
            <v>Veículos</v>
          </cell>
        </row>
      </sheetData>
      <sheetData sheetId="6">
        <row r="4">
          <cell r="C4" t="str">
            <v>Veículos</v>
          </cell>
        </row>
      </sheetData>
      <sheetData sheetId="7">
        <row r="4">
          <cell r="C4">
            <v>0.7</v>
          </cell>
        </row>
      </sheetData>
      <sheetData sheetId="8"/>
      <sheetData sheetId="9"/>
      <sheetData sheetId="10">
        <row r="4">
          <cell r="C4">
            <v>81554819.327330455</v>
          </cell>
        </row>
      </sheetData>
      <sheetData sheetId="11">
        <row r="4">
          <cell r="C4">
            <v>81554819.327330455</v>
          </cell>
        </row>
      </sheetData>
      <sheetData sheetId="12">
        <row r="4">
          <cell r="C4">
            <v>81554819.327330455</v>
          </cell>
        </row>
      </sheetData>
      <sheetData sheetId="13"/>
      <sheetData sheetId="14">
        <row r="4">
          <cell r="C4" t="str">
            <v>remuneração*</v>
          </cell>
        </row>
      </sheetData>
      <sheetData sheetId="15">
        <row r="4">
          <cell r="C4" t="str">
            <v>b</v>
          </cell>
        </row>
      </sheetData>
      <sheetData sheetId="16"/>
      <sheetData sheetId="17">
        <row r="4">
          <cell r="C4">
            <v>29283482.40656824</v>
          </cell>
        </row>
      </sheetData>
      <sheetData sheetId="18">
        <row r="4">
          <cell r="C4" t="str">
            <v>MAIO/12</v>
          </cell>
        </row>
      </sheetData>
      <sheetData sheetId="19">
        <row r="4">
          <cell r="C4">
            <v>159.00468817469621</v>
          </cell>
        </row>
      </sheetData>
      <sheetData sheetId="20">
        <row r="4">
          <cell r="C4">
            <v>2</v>
          </cell>
        </row>
      </sheetData>
      <sheetData sheetId="21">
        <row r="4">
          <cell r="C4">
            <v>801845.55851819657</v>
          </cell>
        </row>
      </sheetData>
      <sheetData sheetId="22">
        <row r="4">
          <cell r="C4">
            <v>29024180.087009165</v>
          </cell>
        </row>
      </sheetData>
      <sheetData sheetId="23">
        <row r="4">
          <cell r="C4" t="str">
            <v>remuneração*</v>
          </cell>
        </row>
      </sheetData>
      <sheetData sheetId="24">
        <row r="4">
          <cell r="C4">
            <v>1328.1654241300841</v>
          </cell>
        </row>
      </sheetData>
      <sheetData sheetId="25">
        <row r="4">
          <cell r="C4" t="str">
            <v>[B]</v>
          </cell>
        </row>
      </sheetData>
      <sheetData sheetId="26"/>
      <sheetData sheetId="27">
        <row r="4">
          <cell r="C4" t="str">
            <v>sistema</v>
          </cell>
        </row>
      </sheetData>
      <sheetData sheetId="28">
        <row r="1">
          <cell r="C1">
            <v>3</v>
          </cell>
        </row>
      </sheetData>
      <sheetData sheetId="29">
        <row r="4">
          <cell r="C4" t="str">
            <v>SALÁRIO MENSAL</v>
          </cell>
        </row>
      </sheetData>
      <sheetData sheetId="30">
        <row r="67">
          <cell r="G67">
            <v>350137.63081477751</v>
          </cell>
        </row>
      </sheetData>
      <sheetData sheetId="31"/>
      <sheetData sheetId="32">
        <row r="67">
          <cell r="G67">
            <v>4.428E-2</v>
          </cell>
        </row>
      </sheetData>
      <sheetData sheetId="33"/>
      <sheetData sheetId="34">
        <row r="4">
          <cell r="C4">
            <v>271</v>
          </cell>
        </row>
      </sheetData>
      <sheetData sheetId="35">
        <row r="4">
          <cell r="C4" t="str">
            <v>senha: banco</v>
          </cell>
        </row>
      </sheetData>
      <sheetData sheetId="36"/>
      <sheetData sheetId="37">
        <row r="4">
          <cell r="C4">
            <v>0.81213666547519359</v>
          </cell>
        </row>
      </sheetData>
      <sheetData sheetId="38"/>
      <sheetData sheetId="39"/>
      <sheetData sheetId="40"/>
      <sheetData sheetId="4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9699999999999997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corredor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  <sheetName val="Plan2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8500000000000004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40"/>
  <sheetViews>
    <sheetView view="pageLayout" zoomScale="80" zoomScaleNormal="100" zoomScalePageLayoutView="80" workbookViewId="0">
      <selection activeCell="A7" sqref="A7:J7"/>
    </sheetView>
  </sheetViews>
  <sheetFormatPr defaultRowHeight="15"/>
  <cols>
    <col min="1" max="16384" width="9.140625" style="143"/>
  </cols>
  <sheetData>
    <row r="1" spans="1:10" ht="18.75">
      <c r="A1" s="141"/>
      <c r="B1" s="141"/>
      <c r="C1" s="141"/>
      <c r="D1" s="141"/>
      <c r="E1" s="141"/>
      <c r="F1" s="142"/>
      <c r="G1" s="142"/>
      <c r="H1" s="142"/>
      <c r="I1" s="142"/>
      <c r="J1" s="142"/>
    </row>
    <row r="2" spans="1:10" ht="27.75">
      <c r="A2" s="141"/>
      <c r="B2" s="141"/>
      <c r="C2" s="141"/>
      <c r="D2" s="145" t="s">
        <v>136</v>
      </c>
      <c r="E2" s="145"/>
      <c r="F2" s="145"/>
      <c r="G2" s="145"/>
      <c r="H2" s="142"/>
      <c r="I2" s="142"/>
      <c r="J2" s="142"/>
    </row>
    <row r="3" spans="1:10" ht="18.75">
      <c r="A3" s="141"/>
      <c r="B3" s="141"/>
      <c r="C3" s="141"/>
      <c r="D3" s="141"/>
      <c r="E3" s="141"/>
      <c r="F3" s="142"/>
      <c r="G3" s="142"/>
      <c r="H3" s="142"/>
      <c r="I3" s="142"/>
      <c r="J3" s="142"/>
    </row>
    <row r="4" spans="1:10" ht="27.75">
      <c r="A4" s="146" t="s">
        <v>133</v>
      </c>
      <c r="B4" s="146"/>
      <c r="C4" s="146"/>
      <c r="D4" s="146"/>
      <c r="E4" s="146"/>
      <c r="F4" s="146"/>
      <c r="G4" s="146"/>
      <c r="H4" s="146"/>
      <c r="I4" s="146"/>
      <c r="J4" s="146"/>
    </row>
    <row r="5" spans="1:10" ht="27.75">
      <c r="A5" s="146" t="s">
        <v>134</v>
      </c>
      <c r="B5" s="146"/>
      <c r="C5" s="146"/>
      <c r="D5" s="146"/>
      <c r="E5" s="146"/>
      <c r="F5" s="146"/>
      <c r="G5" s="146"/>
      <c r="H5" s="146"/>
      <c r="I5" s="146"/>
      <c r="J5" s="146"/>
    </row>
    <row r="6" spans="1:10" ht="27.75">
      <c r="A6" s="146" t="s">
        <v>135</v>
      </c>
      <c r="B6" s="146"/>
      <c r="C6" s="146"/>
      <c r="D6" s="146"/>
      <c r="E6" s="146"/>
      <c r="F6" s="146"/>
      <c r="G6" s="146"/>
      <c r="H6" s="146"/>
      <c r="I6" s="146"/>
      <c r="J6" s="146"/>
    </row>
    <row r="7" spans="1:10" ht="27.75">
      <c r="A7" s="146"/>
      <c r="B7" s="146"/>
      <c r="C7" s="146"/>
      <c r="D7" s="146"/>
      <c r="E7" s="146"/>
      <c r="F7" s="146"/>
      <c r="G7" s="146"/>
      <c r="H7" s="146"/>
      <c r="I7" s="146"/>
      <c r="J7" s="146"/>
    </row>
    <row r="8" spans="1:10" ht="18.75">
      <c r="A8" s="141"/>
      <c r="B8" s="141"/>
      <c r="C8" s="141"/>
      <c r="D8" s="141"/>
      <c r="E8" s="141"/>
      <c r="F8" s="142"/>
      <c r="G8" s="142"/>
      <c r="H8" s="142"/>
      <c r="I8" s="142"/>
      <c r="J8" s="142"/>
    </row>
    <row r="9" spans="1:10" ht="18.75">
      <c r="A9" s="141"/>
      <c r="B9" s="141"/>
      <c r="C9" s="141"/>
      <c r="D9" s="141"/>
      <c r="E9" s="141"/>
      <c r="F9" s="142"/>
      <c r="G9" s="142"/>
      <c r="H9" s="142"/>
      <c r="I9" s="142"/>
      <c r="J9" s="142"/>
    </row>
    <row r="10" spans="1:10" ht="18.75">
      <c r="A10" s="141"/>
      <c r="B10" s="141"/>
      <c r="C10" s="141"/>
      <c r="D10" s="141"/>
      <c r="E10" s="141"/>
      <c r="F10" s="142"/>
      <c r="G10" s="142"/>
      <c r="H10" s="142"/>
      <c r="I10" s="142"/>
      <c r="J10" s="142"/>
    </row>
    <row r="11" spans="1:10" ht="27.75">
      <c r="A11" s="146"/>
      <c r="B11" s="146"/>
      <c r="C11" s="146"/>
      <c r="D11" s="146"/>
      <c r="E11" s="146"/>
      <c r="F11" s="146"/>
      <c r="G11" s="146"/>
      <c r="H11" s="146"/>
      <c r="I11" s="146"/>
      <c r="J11" s="146"/>
    </row>
    <row r="12" spans="1:10" ht="27.75">
      <c r="A12" s="146"/>
      <c r="B12" s="146"/>
      <c r="C12" s="146"/>
      <c r="D12" s="146"/>
      <c r="E12" s="146"/>
      <c r="F12" s="146"/>
      <c r="G12" s="146"/>
      <c r="H12" s="146"/>
      <c r="I12" s="146"/>
      <c r="J12" s="146"/>
    </row>
    <row r="13" spans="1:10" ht="27.75">
      <c r="A13" s="146"/>
      <c r="B13" s="146"/>
      <c r="C13" s="146"/>
      <c r="D13" s="146"/>
      <c r="E13" s="146"/>
      <c r="F13" s="146"/>
      <c r="G13" s="146"/>
      <c r="H13" s="146"/>
      <c r="I13" s="146"/>
      <c r="J13" s="146"/>
    </row>
    <row r="14" spans="1:10">
      <c r="A14" s="144"/>
      <c r="B14" s="144"/>
      <c r="C14" s="144"/>
      <c r="D14" s="144"/>
      <c r="E14" s="144"/>
      <c r="F14" s="144"/>
      <c r="G14" s="144"/>
      <c r="H14" s="144"/>
      <c r="I14" s="144"/>
      <c r="J14" s="144"/>
    </row>
    <row r="15" spans="1:10">
      <c r="A15" s="144"/>
      <c r="B15" s="144"/>
      <c r="C15" s="144"/>
      <c r="D15" s="144"/>
      <c r="E15" s="144"/>
      <c r="F15" s="144"/>
      <c r="G15" s="144"/>
      <c r="H15" s="144"/>
      <c r="I15" s="144"/>
      <c r="J15" s="144"/>
    </row>
    <row r="16" spans="1:10">
      <c r="A16" s="144"/>
      <c r="B16" s="144"/>
      <c r="C16" s="144"/>
      <c r="D16" s="144"/>
      <c r="E16" s="144"/>
      <c r="F16" s="144"/>
      <c r="G16" s="144"/>
      <c r="H16" s="144"/>
      <c r="I16" s="144"/>
      <c r="J16" s="144"/>
    </row>
    <row r="17" spans="1:10" ht="18.75">
      <c r="A17" s="141"/>
      <c r="B17" s="141"/>
      <c r="C17" s="141"/>
      <c r="D17" s="141"/>
      <c r="E17" s="141"/>
      <c r="F17" s="142"/>
      <c r="G17" s="142"/>
      <c r="H17" s="142"/>
      <c r="I17" s="142"/>
      <c r="J17" s="142"/>
    </row>
    <row r="18" spans="1:10" ht="18.75">
      <c r="A18" s="141"/>
      <c r="B18" s="141"/>
      <c r="C18" s="141"/>
      <c r="D18" s="141"/>
      <c r="E18" s="141"/>
      <c r="F18" s="142"/>
      <c r="G18" s="142"/>
      <c r="H18" s="142"/>
      <c r="I18" s="142"/>
      <c r="J18" s="142"/>
    </row>
    <row r="19" spans="1:10" ht="18.75">
      <c r="A19" s="141"/>
      <c r="B19" s="141"/>
      <c r="C19" s="141"/>
      <c r="D19" s="141"/>
      <c r="E19" s="141"/>
      <c r="F19" s="142"/>
      <c r="G19" s="142"/>
      <c r="H19" s="142"/>
      <c r="I19" s="142"/>
      <c r="J19" s="142"/>
    </row>
    <row r="20" spans="1:10" ht="18.75">
      <c r="A20" s="141"/>
      <c r="B20" s="141"/>
      <c r="C20" s="141"/>
      <c r="D20" s="141"/>
      <c r="E20" s="141"/>
      <c r="F20" s="142"/>
      <c r="G20" s="142"/>
      <c r="H20" s="142"/>
      <c r="I20" s="142"/>
      <c r="J20" s="142"/>
    </row>
    <row r="21" spans="1:10" ht="18.75">
      <c r="A21" s="141"/>
      <c r="B21" s="141"/>
      <c r="C21" s="141"/>
      <c r="D21" s="141"/>
      <c r="E21" s="141"/>
      <c r="F21" s="142"/>
      <c r="G21" s="142"/>
      <c r="H21" s="142"/>
      <c r="I21" s="142"/>
      <c r="J21" s="142"/>
    </row>
    <row r="22" spans="1:10">
      <c r="A22" s="144"/>
      <c r="B22" s="144"/>
      <c r="C22" s="144"/>
      <c r="D22" s="144"/>
      <c r="E22" s="144"/>
      <c r="F22" s="144"/>
      <c r="G22" s="144"/>
      <c r="H22" s="144"/>
      <c r="I22" s="144"/>
      <c r="J22" s="144"/>
    </row>
    <row r="23" spans="1:10">
      <c r="A23" s="144"/>
      <c r="B23" s="144"/>
      <c r="C23" s="144"/>
      <c r="D23" s="144"/>
      <c r="E23" s="144"/>
      <c r="F23" s="144"/>
      <c r="G23" s="144"/>
      <c r="H23" s="144"/>
      <c r="I23" s="144"/>
      <c r="J23" s="144"/>
    </row>
    <row r="24" spans="1:10">
      <c r="A24" s="144"/>
      <c r="B24" s="144"/>
      <c r="C24" s="144"/>
      <c r="D24" s="144"/>
      <c r="E24" s="144"/>
      <c r="F24" s="144"/>
      <c r="G24" s="144"/>
      <c r="H24" s="144"/>
      <c r="I24" s="144"/>
      <c r="J24" s="144"/>
    </row>
    <row r="25" spans="1:10">
      <c r="A25" s="144"/>
      <c r="B25" s="144"/>
      <c r="C25" s="144"/>
      <c r="D25" s="144"/>
      <c r="E25" s="144"/>
      <c r="F25" s="144"/>
      <c r="G25" s="144"/>
      <c r="H25" s="144"/>
      <c r="I25" s="144"/>
      <c r="J25" s="144"/>
    </row>
    <row r="26" spans="1:10">
      <c r="A26" s="144"/>
      <c r="B26" s="144"/>
      <c r="C26" s="144"/>
      <c r="D26" s="144"/>
      <c r="E26" s="144"/>
      <c r="F26" s="144"/>
      <c r="G26" s="144"/>
      <c r="H26" s="144"/>
      <c r="I26" s="144"/>
      <c r="J26" s="144"/>
    </row>
    <row r="27" spans="1:10">
      <c r="A27" s="144"/>
      <c r="B27" s="144"/>
      <c r="C27" s="144"/>
      <c r="D27" s="144"/>
      <c r="E27" s="144"/>
      <c r="F27" s="144"/>
      <c r="G27" s="144"/>
      <c r="H27" s="144"/>
      <c r="I27" s="144"/>
      <c r="J27" s="144"/>
    </row>
    <row r="28" spans="1:10">
      <c r="A28" s="144"/>
      <c r="B28" s="144"/>
      <c r="C28" s="144"/>
      <c r="D28" s="144"/>
      <c r="E28" s="144"/>
      <c r="F28" s="144"/>
      <c r="G28" s="144"/>
      <c r="H28" s="144"/>
      <c r="I28" s="144"/>
      <c r="J28" s="144"/>
    </row>
    <row r="29" spans="1:10">
      <c r="A29" s="144"/>
      <c r="B29" s="144"/>
      <c r="C29" s="144"/>
      <c r="D29" s="144"/>
      <c r="E29" s="144"/>
      <c r="F29" s="144"/>
      <c r="G29" s="144"/>
      <c r="H29" s="144"/>
      <c r="I29" s="144"/>
      <c r="J29" s="144"/>
    </row>
    <row r="30" spans="1:10">
      <c r="A30" s="144"/>
      <c r="B30" s="144"/>
      <c r="C30" s="144"/>
      <c r="D30" s="144"/>
      <c r="E30" s="144"/>
      <c r="F30" s="144"/>
      <c r="G30" s="144"/>
      <c r="H30" s="144"/>
      <c r="I30" s="144"/>
      <c r="J30" s="144"/>
    </row>
    <row r="31" spans="1:10">
      <c r="A31" s="144"/>
      <c r="B31" s="144"/>
      <c r="C31" s="144"/>
      <c r="D31" s="144"/>
      <c r="E31" s="144"/>
      <c r="F31" s="144"/>
      <c r="G31" s="144"/>
      <c r="H31" s="144"/>
      <c r="I31" s="144"/>
      <c r="J31" s="144"/>
    </row>
    <row r="32" spans="1:10">
      <c r="A32" s="144"/>
      <c r="B32" s="144"/>
      <c r="C32" s="144"/>
      <c r="D32" s="144"/>
      <c r="E32" s="144"/>
      <c r="F32" s="144"/>
      <c r="G32" s="144"/>
      <c r="H32" s="144"/>
      <c r="I32" s="144"/>
      <c r="J32" s="144"/>
    </row>
    <row r="33" spans="1:10">
      <c r="A33" s="144"/>
      <c r="B33" s="144"/>
      <c r="C33" s="144"/>
      <c r="D33" s="144"/>
      <c r="E33" s="144"/>
      <c r="F33" s="144"/>
      <c r="G33" s="144"/>
      <c r="H33" s="144"/>
      <c r="I33" s="144"/>
      <c r="J33" s="144"/>
    </row>
    <row r="34" spans="1:10">
      <c r="A34" s="144"/>
      <c r="B34" s="144"/>
      <c r="C34" s="144"/>
      <c r="D34" s="144"/>
      <c r="E34" s="144"/>
      <c r="F34" s="144"/>
      <c r="G34" s="144"/>
      <c r="H34" s="144"/>
      <c r="I34" s="144"/>
      <c r="J34" s="144"/>
    </row>
    <row r="35" spans="1:10">
      <c r="A35" s="144"/>
      <c r="B35" s="144"/>
      <c r="C35" s="144"/>
      <c r="D35" s="144"/>
      <c r="E35" s="144"/>
      <c r="F35" s="144"/>
      <c r="G35" s="144"/>
      <c r="H35" s="144"/>
      <c r="I35" s="144"/>
      <c r="J35" s="144"/>
    </row>
    <row r="36" spans="1:10">
      <c r="A36" s="144"/>
      <c r="B36" s="144"/>
      <c r="C36" s="144"/>
      <c r="D36" s="144"/>
      <c r="E36" s="144"/>
      <c r="F36" s="144"/>
      <c r="G36" s="144"/>
      <c r="H36" s="144"/>
      <c r="I36" s="144"/>
      <c r="J36" s="144"/>
    </row>
    <row r="37" spans="1:10">
      <c r="A37" s="144"/>
      <c r="B37" s="144"/>
      <c r="C37" s="144"/>
      <c r="D37" s="144"/>
      <c r="E37" s="144"/>
      <c r="F37" s="144"/>
      <c r="G37" s="144"/>
      <c r="H37" s="144"/>
      <c r="I37" s="144"/>
      <c r="J37" s="144"/>
    </row>
    <row r="38" spans="1:10">
      <c r="A38" s="144"/>
      <c r="B38" s="144"/>
      <c r="C38" s="144"/>
      <c r="D38" s="144"/>
      <c r="E38" s="144"/>
      <c r="F38" s="144"/>
      <c r="G38" s="144"/>
      <c r="H38" s="144"/>
      <c r="I38" s="144"/>
      <c r="J38" s="144"/>
    </row>
    <row r="39" spans="1:10">
      <c r="A39" s="144"/>
      <c r="B39" s="144"/>
      <c r="C39" s="144"/>
      <c r="D39" s="144"/>
      <c r="E39" s="144"/>
      <c r="F39" s="144"/>
      <c r="G39" s="144"/>
      <c r="H39" s="144"/>
      <c r="I39" s="144"/>
      <c r="J39" s="144"/>
    </row>
    <row r="40" spans="1:10">
      <c r="A40" s="144"/>
      <c r="B40" s="144"/>
      <c r="C40" s="144"/>
      <c r="D40" s="144"/>
      <c r="E40" s="144"/>
      <c r="F40" s="144"/>
      <c r="G40" s="144"/>
      <c r="H40" s="144"/>
      <c r="I40" s="144"/>
      <c r="J40" s="144"/>
    </row>
  </sheetData>
  <mergeCells count="8">
    <mergeCell ref="A11:J11"/>
    <mergeCell ref="A12:J12"/>
    <mergeCell ref="A13:J13"/>
    <mergeCell ref="D2:G2"/>
    <mergeCell ref="A4:J4"/>
    <mergeCell ref="A5:J5"/>
    <mergeCell ref="A6:J6"/>
    <mergeCell ref="A7:J7"/>
  </mergeCells>
  <pageMargins left="0.6640625" right="0.511811024" top="0.78740157499999996" bottom="0.78740157499999996" header="0.31496062000000002" footer="0.31496062000000002"/>
  <pageSetup paperSize="9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>
  <sheetPr codeName="Plan40"/>
  <dimension ref="A1:V88"/>
  <sheetViews>
    <sheetView view="pageBreakPreview" topLeftCell="A52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8.5" customHeight="1">
      <c r="A1" s="158" t="s">
        <v>140</v>
      </c>
    </row>
    <row r="4" spans="1:22" ht="18">
      <c r="A4" s="158" t="s">
        <v>153</v>
      </c>
    </row>
    <row r="5" spans="1:22" ht="15.75">
      <c r="A5" s="166" t="s">
        <v>158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28317.584003298289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4257.152377470222</v>
      </c>
    </row>
    <row r="11" spans="1:22" ht="12.75">
      <c r="A11" s="167" t="s">
        <v>60</v>
      </c>
      <c r="B11" s="168"/>
      <c r="C11" s="175">
        <v>6228.5081235999996</v>
      </c>
    </row>
    <row r="12" spans="1:22" ht="12.75">
      <c r="A12" s="167" t="s">
        <v>61</v>
      </c>
      <c r="B12" s="168"/>
      <c r="C12" s="176">
        <v>8028.6442538702222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3398110.0803957945</v>
      </c>
      <c r="D17" s="42">
        <v>3398110.0803957945</v>
      </c>
      <c r="E17" s="42">
        <v>3398110.0803957945</v>
      </c>
      <c r="F17" s="42">
        <v>3398110.0803957945</v>
      </c>
      <c r="G17" s="42">
        <v>3398110.0803957945</v>
      </c>
      <c r="H17" s="42">
        <v>3398110.0803957945</v>
      </c>
      <c r="I17" s="42">
        <v>3398110.0803957945</v>
      </c>
      <c r="J17" s="42">
        <v>3398110.0803957945</v>
      </c>
      <c r="K17" s="42">
        <v>3398110.0803957945</v>
      </c>
      <c r="L17" s="42">
        <v>3398110.0803957945</v>
      </c>
      <c r="M17" s="42">
        <v>3398110.0803957945</v>
      </c>
      <c r="N17" s="42">
        <v>3398110.0803957945</v>
      </c>
      <c r="O17" s="42">
        <v>3398110.0803957945</v>
      </c>
      <c r="P17" s="42">
        <v>3398110.0803957945</v>
      </c>
      <c r="Q17" s="42">
        <v>3398110.0803957945</v>
      </c>
      <c r="R17" s="42">
        <v>3398110.0803957945</v>
      </c>
      <c r="S17" s="42">
        <v>3398110.0803957945</v>
      </c>
      <c r="T17" s="42">
        <v>3398110.0803957945</v>
      </c>
      <c r="U17" s="42">
        <v>3398110.0803957945</v>
      </c>
      <c r="V17" s="42">
        <v>3398110.0803957945</v>
      </c>
    </row>
    <row r="18" spans="1:22">
      <c r="A18" s="45" t="s">
        <v>65</v>
      </c>
      <c r="B18" s="45"/>
      <c r="C18" s="46">
        <v>67962.201607915893</v>
      </c>
      <c r="D18" s="46">
        <v>67962.201607915893</v>
      </c>
      <c r="E18" s="46">
        <v>67962.201607915893</v>
      </c>
      <c r="F18" s="46">
        <v>67962.201607915893</v>
      </c>
      <c r="G18" s="46">
        <v>67962.201607915893</v>
      </c>
      <c r="H18" s="46">
        <v>67962.201607915893</v>
      </c>
      <c r="I18" s="46">
        <v>67962.201607915893</v>
      </c>
      <c r="J18" s="46">
        <v>67962.201607915893</v>
      </c>
      <c r="K18" s="46">
        <v>67962.201607915893</v>
      </c>
      <c r="L18" s="46">
        <v>67962.201607915893</v>
      </c>
      <c r="M18" s="46">
        <v>67962.201607915893</v>
      </c>
      <c r="N18" s="46">
        <v>67962.201607915893</v>
      </c>
      <c r="O18" s="46">
        <v>67962.201607915893</v>
      </c>
      <c r="P18" s="46">
        <v>67962.201607915893</v>
      </c>
      <c r="Q18" s="46">
        <v>67962.201607915893</v>
      </c>
      <c r="R18" s="46">
        <v>67962.201607915893</v>
      </c>
      <c r="S18" s="46">
        <v>67962.201607915893</v>
      </c>
      <c r="T18" s="46">
        <v>67962.201607915893</v>
      </c>
      <c r="U18" s="46">
        <v>67962.201607915893</v>
      </c>
      <c r="V18" s="46">
        <v>67962.201607915893</v>
      </c>
    </row>
    <row r="19" spans="1:22">
      <c r="A19" s="41" t="s">
        <v>66</v>
      </c>
      <c r="B19" s="41"/>
      <c r="C19" s="47">
        <v>3330147.8787878784</v>
      </c>
      <c r="D19" s="47">
        <v>3330147.8787878784</v>
      </c>
      <c r="E19" s="47">
        <v>3330147.8787878784</v>
      </c>
      <c r="F19" s="47">
        <v>3330147.8787878784</v>
      </c>
      <c r="G19" s="47">
        <v>3330147.8787878784</v>
      </c>
      <c r="H19" s="47">
        <v>3330147.8787878784</v>
      </c>
      <c r="I19" s="47">
        <v>3330147.8787878784</v>
      </c>
      <c r="J19" s="47">
        <v>3330147.8787878784</v>
      </c>
      <c r="K19" s="47">
        <v>3330147.8787878784</v>
      </c>
      <c r="L19" s="47">
        <v>3330147.8787878784</v>
      </c>
      <c r="M19" s="47">
        <v>3330147.8787878784</v>
      </c>
      <c r="N19" s="47">
        <v>3330147.8787878784</v>
      </c>
      <c r="O19" s="47">
        <v>3330147.8787878784</v>
      </c>
      <c r="P19" s="47">
        <v>3330147.8787878784</v>
      </c>
      <c r="Q19" s="47">
        <v>3330147.8787878784</v>
      </c>
      <c r="R19" s="47">
        <v>3330147.8787878784</v>
      </c>
      <c r="S19" s="47">
        <v>3330147.8787878784</v>
      </c>
      <c r="T19" s="47">
        <v>3330147.8787878784</v>
      </c>
      <c r="U19" s="47">
        <v>3330147.8787878784</v>
      </c>
      <c r="V19" s="47">
        <v>3330147.8787878784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721461.4852964266</v>
      </c>
      <c r="D21" s="46">
        <v>1721461.4852964266</v>
      </c>
      <c r="E21" s="46">
        <v>1721461.4852964266</v>
      </c>
      <c r="F21" s="46">
        <v>1728864.2852964266</v>
      </c>
      <c r="G21" s="46">
        <v>1728864.2852964266</v>
      </c>
      <c r="H21" s="46">
        <v>1728864.2852964266</v>
      </c>
      <c r="I21" s="46">
        <v>1728864.2852964266</v>
      </c>
      <c r="J21" s="46">
        <v>1728864.2852964266</v>
      </c>
      <c r="K21" s="46">
        <v>1728864.2852964266</v>
      </c>
      <c r="L21" s="46">
        <v>1728864.2852964266</v>
      </c>
      <c r="M21" s="48">
        <v>1721461.4852964266</v>
      </c>
      <c r="N21" s="48">
        <v>1721461.4852964266</v>
      </c>
      <c r="O21" s="48">
        <v>1721461.4852964266</v>
      </c>
      <c r="P21" s="48">
        <v>1728864.2852964266</v>
      </c>
      <c r="Q21" s="48">
        <v>1728864.2852964266</v>
      </c>
      <c r="R21" s="48">
        <v>1728864.2852964266</v>
      </c>
      <c r="S21" s="48">
        <v>1728864.2852964266</v>
      </c>
      <c r="T21" s="48">
        <v>1728864.2852964266</v>
      </c>
      <c r="U21" s="48">
        <v>1728864.2852964266</v>
      </c>
      <c r="V21" s="48">
        <v>1728864.2852964266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1110167.7560731331</v>
      </c>
      <c r="D23" s="42">
        <v>1140384.5818531332</v>
      </c>
      <c r="E23" s="42">
        <v>1165027.2872931331</v>
      </c>
      <c r="F23" s="42">
        <v>1169508.4072931332</v>
      </c>
      <c r="G23" s="42">
        <v>1169508.4072931332</v>
      </c>
      <c r="H23" s="42">
        <v>59451.95355333334</v>
      </c>
      <c r="I23" s="42">
        <v>199863.44377333333</v>
      </c>
      <c r="J23" s="42">
        <v>345849.05433333333</v>
      </c>
      <c r="K23" s="42">
        <v>511996.25033333333</v>
      </c>
      <c r="L23" s="42">
        <v>704624.56633333326</v>
      </c>
      <c r="M23" s="42">
        <v>1744482.6311133332</v>
      </c>
      <c r="N23" s="42">
        <v>1604071.1408933334</v>
      </c>
      <c r="O23" s="42">
        <v>1458085.5303333332</v>
      </c>
      <c r="P23" s="42">
        <v>1291938.3343333332</v>
      </c>
      <c r="Q23" s="42">
        <v>1099310.0183333333</v>
      </c>
      <c r="R23" s="42">
        <v>59451.953553333333</v>
      </c>
      <c r="S23" s="42">
        <v>199863.44377333333</v>
      </c>
      <c r="T23" s="42">
        <v>345849.05433333333</v>
      </c>
      <c r="U23" s="42">
        <v>511996.25033333333</v>
      </c>
      <c r="V23" s="42">
        <v>682624.56633333326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498518.63741831877</v>
      </c>
      <c r="D25" s="48">
        <v>468301.8116383187</v>
      </c>
      <c r="E25" s="48">
        <v>443659.10619831877</v>
      </c>
      <c r="F25" s="48">
        <v>431775.18619831861</v>
      </c>
      <c r="G25" s="48">
        <v>431775.18619831861</v>
      </c>
      <c r="H25" s="48">
        <v>1541831.6399381184</v>
      </c>
      <c r="I25" s="48">
        <v>1401420.1497181184</v>
      </c>
      <c r="J25" s="48">
        <v>1255434.5391581184</v>
      </c>
      <c r="K25" s="48">
        <v>1089287.3431581184</v>
      </c>
      <c r="L25" s="48">
        <v>896659.02715811855</v>
      </c>
      <c r="M25" s="48">
        <v>-135796.2376218813</v>
      </c>
      <c r="N25" s="48">
        <v>4615.2525981185026</v>
      </c>
      <c r="O25" s="48">
        <v>150600.86315811868</v>
      </c>
      <c r="P25" s="48">
        <v>309345.25915811863</v>
      </c>
      <c r="Q25" s="48">
        <v>501973.5751581185</v>
      </c>
      <c r="R25" s="48">
        <v>1541831.6399381184</v>
      </c>
      <c r="S25" s="48">
        <v>1401420.1497181184</v>
      </c>
      <c r="T25" s="48">
        <v>1255434.5391581184</v>
      </c>
      <c r="U25" s="48">
        <v>1089287.3431581184</v>
      </c>
      <c r="V25" s="48">
        <v>918659.02715811855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69496.33672222839</v>
      </c>
      <c r="D27" s="42">
        <v>159222.61595702838</v>
      </c>
      <c r="E27" s="42">
        <v>150844.0961074284</v>
      </c>
      <c r="F27" s="42">
        <v>146803.56330742833</v>
      </c>
      <c r="G27" s="42">
        <v>146803.56330742833</v>
      </c>
      <c r="H27" s="42">
        <v>524222.75757896027</v>
      </c>
      <c r="I27" s="42">
        <v>476482.8509041603</v>
      </c>
      <c r="J27" s="42">
        <v>426847.74331376032</v>
      </c>
      <c r="K27" s="42">
        <v>370357.69667376031</v>
      </c>
      <c r="L27" s="42">
        <v>304864.06923376035</v>
      </c>
      <c r="M27" s="42">
        <v>0</v>
      </c>
      <c r="N27" s="42">
        <v>1569.185883360291</v>
      </c>
      <c r="O27" s="42">
        <v>51204.293473760357</v>
      </c>
      <c r="P27" s="42">
        <v>105177.38811376035</v>
      </c>
      <c r="Q27" s="42">
        <v>170671.01555376031</v>
      </c>
      <c r="R27" s="42">
        <v>524222.75757896027</v>
      </c>
      <c r="S27" s="42">
        <v>476482.8509041603</v>
      </c>
      <c r="T27" s="42">
        <v>426847.74331376032</v>
      </c>
      <c r="U27" s="42">
        <v>370357.69667376031</v>
      </c>
      <c r="V27" s="42">
        <v>312344.06923376035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329022.30069609039</v>
      </c>
      <c r="D29" s="48">
        <v>309079.19568129035</v>
      </c>
      <c r="E29" s="48">
        <v>292815.01009089034</v>
      </c>
      <c r="F29" s="48">
        <v>284971.62289089028</v>
      </c>
      <c r="G29" s="48">
        <v>284971.62289089028</v>
      </c>
      <c r="H29" s="48">
        <v>1017608.8823591581</v>
      </c>
      <c r="I29" s="48">
        <v>924937.29881395807</v>
      </c>
      <c r="J29" s="48">
        <v>828586.79584435816</v>
      </c>
      <c r="K29" s="48">
        <v>718929.64648435812</v>
      </c>
      <c r="L29" s="48">
        <v>591794.9579243582</v>
      </c>
      <c r="M29" s="48">
        <v>-135796.2376218813</v>
      </c>
      <c r="N29" s="48">
        <v>3046.0667147582117</v>
      </c>
      <c r="O29" s="48">
        <v>99396.569684358314</v>
      </c>
      <c r="P29" s="48">
        <v>204167.8710443583</v>
      </c>
      <c r="Q29" s="48">
        <v>331302.55960435816</v>
      </c>
      <c r="R29" s="48">
        <v>1017608.8823591581</v>
      </c>
      <c r="S29" s="48">
        <v>924937.29881395807</v>
      </c>
      <c r="T29" s="48">
        <v>828586.79584435816</v>
      </c>
      <c r="U29" s="48">
        <v>718929.64648435812</v>
      </c>
      <c r="V29" s="48">
        <v>606314.9579243582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1110167.7560731331</v>
      </c>
      <c r="D31" s="42">
        <v>1140384.5818531332</v>
      </c>
      <c r="E31" s="42">
        <v>1165027.2872931331</v>
      </c>
      <c r="F31" s="42">
        <v>1169508.4072931332</v>
      </c>
      <c r="G31" s="42">
        <v>1169508.4072931332</v>
      </c>
      <c r="H31" s="42">
        <v>59451.95355333334</v>
      </c>
      <c r="I31" s="42">
        <v>199863.44377333333</v>
      </c>
      <c r="J31" s="42">
        <v>345849.05433333333</v>
      </c>
      <c r="K31" s="42">
        <v>511996.25033333333</v>
      </c>
      <c r="L31" s="42">
        <v>704624.56633333326</v>
      </c>
      <c r="M31" s="42">
        <v>1744482.6311133332</v>
      </c>
      <c r="N31" s="42">
        <v>1604071.1408933334</v>
      </c>
      <c r="O31" s="42">
        <v>1458085.5303333332</v>
      </c>
      <c r="P31" s="42">
        <v>1291938.3343333332</v>
      </c>
      <c r="Q31" s="42">
        <v>1099310.0183333333</v>
      </c>
      <c r="R31" s="42">
        <v>59451.953553333333</v>
      </c>
      <c r="S31" s="42">
        <v>199863.44377333333</v>
      </c>
      <c r="T31" s="42">
        <v>345849.05433333333</v>
      </c>
      <c r="U31" s="42">
        <v>511996.25033333333</v>
      </c>
      <c r="V31" s="42">
        <v>682624.56633333326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1439190.0567692234</v>
      </c>
      <c r="D33" s="48">
        <v>1449463.7775344234</v>
      </c>
      <c r="E33" s="48">
        <v>1457842.2973840234</v>
      </c>
      <c r="F33" s="48">
        <v>1454480.0301840235</v>
      </c>
      <c r="G33" s="48">
        <v>1454480.0301840235</v>
      </c>
      <c r="H33" s="48">
        <v>1077060.8359124914</v>
      </c>
      <c r="I33" s="48">
        <v>1124800.7425872914</v>
      </c>
      <c r="J33" s="48">
        <v>1174435.8501776916</v>
      </c>
      <c r="K33" s="48">
        <v>1230925.8968176914</v>
      </c>
      <c r="L33" s="48">
        <v>1296419.5242576916</v>
      </c>
      <c r="M33" s="48">
        <v>1608686.3934914519</v>
      </c>
      <c r="N33" s="48">
        <v>1607117.2076080916</v>
      </c>
      <c r="O33" s="48">
        <v>1557482.1000176915</v>
      </c>
      <c r="P33" s="48">
        <v>1496106.2053776914</v>
      </c>
      <c r="Q33" s="48">
        <v>1430612.5779376915</v>
      </c>
      <c r="R33" s="48">
        <v>1077060.8359124914</v>
      </c>
      <c r="S33" s="48">
        <v>1124800.7425872914</v>
      </c>
      <c r="T33" s="48">
        <v>1174435.8501776916</v>
      </c>
      <c r="U33" s="48">
        <v>1230925.8968176914</v>
      </c>
      <c r="V33" s="48">
        <v>1288939.5242576916</v>
      </c>
    </row>
    <row r="34" spans="1:22">
      <c r="A34" s="41"/>
      <c r="B34" s="42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7299473.6639141422</v>
      </c>
      <c r="C35" s="47">
        <v>80440.843899999993</v>
      </c>
      <c r="D35" s="47">
        <v>151084.12890000001</v>
      </c>
      <c r="E35" s="47">
        <v>123213.52720000001</v>
      </c>
      <c r="F35" s="47">
        <v>22405.599999999999</v>
      </c>
      <c r="G35" s="47">
        <v>0</v>
      </c>
      <c r="H35" s="47">
        <v>853141.58</v>
      </c>
      <c r="I35" s="47">
        <v>853141.58</v>
      </c>
      <c r="J35" s="47">
        <v>853141.58</v>
      </c>
      <c r="K35" s="47">
        <v>853141.58</v>
      </c>
      <c r="L35" s="47">
        <v>5228849.4799999995</v>
      </c>
      <c r="M35" s="47">
        <v>80440.843899999993</v>
      </c>
      <c r="N35" s="47">
        <v>151084.12890000001</v>
      </c>
      <c r="O35" s="47">
        <v>123213.52720000001</v>
      </c>
      <c r="P35" s="47">
        <v>22405.599999999999</v>
      </c>
      <c r="Q35" s="47">
        <v>0</v>
      </c>
      <c r="R35" s="47">
        <v>853141.58</v>
      </c>
      <c r="S35" s="47">
        <v>853141.58</v>
      </c>
      <c r="T35" s="47">
        <v>853141.58</v>
      </c>
      <c r="U35" s="47">
        <v>853141.58</v>
      </c>
      <c r="V35" s="47">
        <v>-23581.664182142831</v>
      </c>
    </row>
    <row r="36" spans="1:22">
      <c r="A36" s="49" t="s">
        <v>75</v>
      </c>
      <c r="B36" s="48">
        <v>7205121.8997319993</v>
      </c>
      <c r="C36" s="48">
        <v>0</v>
      </c>
      <c r="D36" s="48">
        <v>0</v>
      </c>
      <c r="E36" s="48">
        <v>0</v>
      </c>
      <c r="F36" s="48">
        <v>0</v>
      </c>
      <c r="G36" s="48">
        <v>0</v>
      </c>
      <c r="H36" s="48">
        <v>853141.58</v>
      </c>
      <c r="I36" s="48">
        <v>853141.58</v>
      </c>
      <c r="J36" s="48">
        <v>853141.58</v>
      </c>
      <c r="K36" s="48">
        <v>853141.58</v>
      </c>
      <c r="L36" s="48">
        <v>5118849.4799999995</v>
      </c>
      <c r="M36" s="48">
        <v>0</v>
      </c>
      <c r="N36" s="48">
        <v>0</v>
      </c>
      <c r="O36" s="48">
        <v>0</v>
      </c>
      <c r="P36" s="48">
        <v>0</v>
      </c>
      <c r="Q36" s="48">
        <v>0</v>
      </c>
      <c r="R36" s="48">
        <v>853141.58</v>
      </c>
      <c r="S36" s="48">
        <v>853141.58</v>
      </c>
      <c r="T36" s="48">
        <v>853141.58</v>
      </c>
      <c r="U36" s="48">
        <v>853141.58</v>
      </c>
      <c r="V36" s="48">
        <v>0</v>
      </c>
    </row>
    <row r="37" spans="1:22">
      <c r="A37" s="50" t="s">
        <v>76</v>
      </c>
      <c r="B37" s="42">
        <v>66000</v>
      </c>
      <c r="C37" s="42">
        <v>80440.843899999993</v>
      </c>
      <c r="D37" s="42">
        <v>151084.12890000001</v>
      </c>
      <c r="E37" s="42">
        <v>123213.52720000001</v>
      </c>
      <c r="F37" s="42">
        <v>22405.599999999999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110000</v>
      </c>
      <c r="M37" s="42">
        <v>80440.843899999993</v>
      </c>
      <c r="N37" s="42">
        <v>151084.12890000001</v>
      </c>
      <c r="O37" s="42">
        <v>123213.52720000001</v>
      </c>
      <c r="P37" s="42">
        <v>22405.599999999999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3581.664182142831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3581.664182142831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0</v>
      </c>
      <c r="D41" s="46">
        <v>0</v>
      </c>
      <c r="E41" s="46">
        <v>0</v>
      </c>
      <c r="F41" s="46">
        <v>0</v>
      </c>
      <c r="G41" s="46">
        <v>0</v>
      </c>
      <c r="H41" s="46">
        <v>36258.51715</v>
      </c>
      <c r="I41" s="46">
        <v>36258.51715</v>
      </c>
      <c r="J41" s="46">
        <v>36258.51715</v>
      </c>
      <c r="K41" s="46">
        <v>36258.51715</v>
      </c>
      <c r="L41" s="46">
        <v>217551.1029</v>
      </c>
      <c r="M41" s="46">
        <v>0</v>
      </c>
      <c r="N41" s="46">
        <v>0</v>
      </c>
      <c r="O41" s="46">
        <v>0</v>
      </c>
      <c r="P41" s="46">
        <v>0</v>
      </c>
      <c r="Q41" s="46">
        <v>0</v>
      </c>
      <c r="R41" s="46">
        <v>36258.51715</v>
      </c>
      <c r="S41" s="46">
        <v>36258.51715</v>
      </c>
      <c r="T41" s="46">
        <v>36258.51715</v>
      </c>
      <c r="U41" s="46">
        <v>36258.51715</v>
      </c>
      <c r="V41" s="46">
        <v>1617643.441262933</v>
      </c>
    </row>
    <row r="42" spans="1:22">
      <c r="A42" s="41" t="s">
        <v>80</v>
      </c>
      <c r="B42" s="41"/>
      <c r="C42" s="47">
        <v>0</v>
      </c>
      <c r="D42" s="47">
        <v>0</v>
      </c>
      <c r="E42" s="47">
        <v>0</v>
      </c>
      <c r="F42" s="47">
        <v>0</v>
      </c>
      <c r="G42" s="47">
        <v>0</v>
      </c>
      <c r="H42" s="47">
        <v>36258.51715</v>
      </c>
      <c r="I42" s="47">
        <v>36258.51715</v>
      </c>
      <c r="J42" s="47">
        <v>36258.51715</v>
      </c>
      <c r="K42" s="47">
        <v>36258.51715</v>
      </c>
      <c r="L42" s="47">
        <v>217551.1029</v>
      </c>
      <c r="M42" s="47">
        <v>0</v>
      </c>
      <c r="N42" s="47">
        <v>0</v>
      </c>
      <c r="O42" s="47">
        <v>0</v>
      </c>
      <c r="P42" s="47">
        <v>0</v>
      </c>
      <c r="Q42" s="47">
        <v>0</v>
      </c>
      <c r="R42" s="47">
        <v>36258.51715</v>
      </c>
      <c r="S42" s="47">
        <v>36258.51715</v>
      </c>
      <c r="T42" s="47">
        <v>36258.51715</v>
      </c>
      <c r="U42" s="47">
        <v>36258.51715</v>
      </c>
      <c r="V42" s="47">
        <v>1615099.3879295997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7299473.6639141422</v>
      </c>
      <c r="C45" s="53">
        <v>1358749.2128692234</v>
      </c>
      <c r="D45" s="53">
        <v>1298379.6486344235</v>
      </c>
      <c r="E45" s="53">
        <v>1334628.7701840233</v>
      </c>
      <c r="F45" s="53">
        <v>1432074.4301840235</v>
      </c>
      <c r="G45" s="53">
        <v>1454480.0301840235</v>
      </c>
      <c r="H45" s="53">
        <v>260177.77306249147</v>
      </c>
      <c r="I45" s="53">
        <v>307917.67973729142</v>
      </c>
      <c r="J45" s="53">
        <v>357552.78732769156</v>
      </c>
      <c r="K45" s="53">
        <v>414042.8339676914</v>
      </c>
      <c r="L45" s="53">
        <v>-3714878.8528423081</v>
      </c>
      <c r="M45" s="53">
        <v>1528245.5495914519</v>
      </c>
      <c r="N45" s="53">
        <v>1456033.0787080918</v>
      </c>
      <c r="O45" s="53">
        <v>1434268.5728176916</v>
      </c>
      <c r="P45" s="53">
        <v>1473700.6053776913</v>
      </c>
      <c r="Q45" s="53">
        <v>1430612.5779376915</v>
      </c>
      <c r="R45" s="53">
        <v>260177.77306249147</v>
      </c>
      <c r="S45" s="53">
        <v>307917.67973729142</v>
      </c>
      <c r="T45" s="53">
        <v>357552.78732769156</v>
      </c>
      <c r="U45" s="53">
        <v>414042.8339676914</v>
      </c>
      <c r="V45" s="53">
        <v>2930164.6297027674</v>
      </c>
    </row>
    <row r="46" spans="1:22">
      <c r="A46" s="41"/>
      <c r="B46" s="42"/>
      <c r="C46" s="42"/>
      <c r="D46" s="42"/>
      <c r="E46" s="42"/>
      <c r="F46" s="42"/>
      <c r="G46" s="42"/>
      <c r="H46" s="42"/>
      <c r="I46" s="42"/>
      <c r="J46" s="42"/>
      <c r="K46" s="42"/>
      <c r="L46" s="42"/>
      <c r="M46" s="42"/>
      <c r="N46" s="42"/>
      <c r="O46" s="42"/>
      <c r="P46" s="42"/>
      <c r="Q46" s="42"/>
      <c r="R46" s="42"/>
      <c r="S46" s="42"/>
      <c r="T46" s="42"/>
      <c r="U46" s="42"/>
      <c r="V46" s="42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1110167.7560731331</v>
      </c>
      <c r="D55" s="60">
        <v>1140384.5818531332</v>
      </c>
      <c r="E55" s="60">
        <v>1165027.2872931331</v>
      </c>
      <c r="F55" s="60">
        <v>1169508.4072931332</v>
      </c>
      <c r="G55" s="60">
        <v>1169508.4072931332</v>
      </c>
      <c r="H55" s="60">
        <v>59451.95355333334</v>
      </c>
      <c r="I55" s="60">
        <v>199863.44377333333</v>
      </c>
      <c r="J55" s="60">
        <v>345849.05433333333</v>
      </c>
      <c r="K55" s="60">
        <v>511996.25033333333</v>
      </c>
      <c r="L55" s="60">
        <v>704624.56633333326</v>
      </c>
      <c r="M55" s="60">
        <v>1744482.6311133332</v>
      </c>
      <c r="N55" s="60">
        <v>1604071.1408933334</v>
      </c>
      <c r="O55" s="60">
        <v>1458085.5303333332</v>
      </c>
      <c r="P55" s="60">
        <v>1291938.3343333332</v>
      </c>
      <c r="Q55" s="60">
        <v>1099310.0183333333</v>
      </c>
      <c r="R55" s="60">
        <v>59451.953553333333</v>
      </c>
      <c r="S55" s="60">
        <v>199863.44377333333</v>
      </c>
      <c r="T55" s="60">
        <v>345849.05433333333</v>
      </c>
      <c r="U55" s="60">
        <v>511996.25033333333</v>
      </c>
      <c r="V55" s="61">
        <v>682624.56633333326</v>
      </c>
    </row>
    <row r="56" spans="1:22">
      <c r="A56" s="62" t="s">
        <v>84</v>
      </c>
      <c r="B56" s="63"/>
      <c r="C56" s="65">
        <v>1080768.2849597998</v>
      </c>
      <c r="D56" s="65">
        <v>1080768.2849597998</v>
      </c>
      <c r="E56" s="65">
        <v>1080768.2849597998</v>
      </c>
      <c r="F56" s="65">
        <v>1080768.2849597998</v>
      </c>
      <c r="G56" s="65">
        <v>1080768.2849597998</v>
      </c>
      <c r="H56" s="65">
        <v>0</v>
      </c>
      <c r="I56" s="65">
        <v>170628.31599999999</v>
      </c>
      <c r="J56" s="65">
        <v>341256.63199999998</v>
      </c>
      <c r="K56" s="65">
        <v>511884.94799999997</v>
      </c>
      <c r="L56" s="65">
        <v>682513.26399999997</v>
      </c>
      <c r="M56" s="65">
        <v>1706283.16</v>
      </c>
      <c r="N56" s="65">
        <v>1535654.844</v>
      </c>
      <c r="O56" s="65">
        <v>1365026.5279999999</v>
      </c>
      <c r="P56" s="65">
        <v>1194398.2119999998</v>
      </c>
      <c r="Q56" s="65">
        <v>1023769.8959999999</v>
      </c>
      <c r="R56" s="65">
        <v>0</v>
      </c>
      <c r="S56" s="65">
        <v>170628.31599999999</v>
      </c>
      <c r="T56" s="65">
        <v>341256.63199999998</v>
      </c>
      <c r="U56" s="65">
        <v>511884.94799999997</v>
      </c>
      <c r="V56" s="66">
        <v>682513.26399999997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61" t="s">
        <v>174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>
  <sheetPr codeName="Plan17"/>
  <dimension ref="A1:V88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58" t="s">
        <v>92</v>
      </c>
    </row>
    <row r="4" spans="1:22" ht="18">
      <c r="A4" s="158" t="s">
        <v>153</v>
      </c>
    </row>
    <row r="5" spans="1:22" ht="15.75">
      <c r="A5" s="166" t="s">
        <v>159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29100.343755730915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4497.340077670222</v>
      </c>
    </row>
    <row r="11" spans="1:22" ht="12.75">
      <c r="A11" s="167" t="s">
        <v>60</v>
      </c>
      <c r="B11" s="168"/>
      <c r="C11" s="175">
        <v>6468.6958237999997</v>
      </c>
    </row>
    <row r="12" spans="1:22" ht="12.75">
      <c r="A12" s="167" t="s">
        <v>61</v>
      </c>
      <c r="B12" s="168"/>
      <c r="C12" s="176">
        <v>8028.6442538702222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3492041.25068771</v>
      </c>
      <c r="D17" s="42">
        <v>3492041.25068771</v>
      </c>
      <c r="E17" s="42">
        <v>3492041.25068771</v>
      </c>
      <c r="F17" s="42">
        <v>3492041.25068771</v>
      </c>
      <c r="G17" s="42">
        <v>3492041.25068771</v>
      </c>
      <c r="H17" s="42">
        <v>3492041.25068771</v>
      </c>
      <c r="I17" s="42">
        <v>3492041.25068771</v>
      </c>
      <c r="J17" s="42">
        <v>3492041.25068771</v>
      </c>
      <c r="K17" s="42">
        <v>3492041.25068771</v>
      </c>
      <c r="L17" s="42">
        <v>3492041.25068771</v>
      </c>
      <c r="M17" s="42">
        <v>3492041.25068771</v>
      </c>
      <c r="N17" s="42">
        <v>3492041.25068771</v>
      </c>
      <c r="O17" s="42">
        <v>3492041.25068771</v>
      </c>
      <c r="P17" s="42">
        <v>3492041.25068771</v>
      </c>
      <c r="Q17" s="42">
        <v>3492041.25068771</v>
      </c>
      <c r="R17" s="42">
        <v>3492041.25068771</v>
      </c>
      <c r="S17" s="42">
        <v>3492041.25068771</v>
      </c>
      <c r="T17" s="42">
        <v>3492041.25068771</v>
      </c>
      <c r="U17" s="42">
        <v>3492041.25068771</v>
      </c>
      <c r="V17" s="42">
        <v>3492041.25068771</v>
      </c>
    </row>
    <row r="18" spans="1:22">
      <c r="A18" s="45" t="s">
        <v>65</v>
      </c>
      <c r="B18" s="45"/>
      <c r="C18" s="46">
        <v>69840.825013754205</v>
      </c>
      <c r="D18" s="46">
        <v>69840.825013754205</v>
      </c>
      <c r="E18" s="46">
        <v>69840.825013754205</v>
      </c>
      <c r="F18" s="46">
        <v>69840.825013754205</v>
      </c>
      <c r="G18" s="46">
        <v>69840.825013754205</v>
      </c>
      <c r="H18" s="46">
        <v>69840.825013754205</v>
      </c>
      <c r="I18" s="46">
        <v>69840.825013754205</v>
      </c>
      <c r="J18" s="46">
        <v>69840.825013754205</v>
      </c>
      <c r="K18" s="46">
        <v>69840.825013754205</v>
      </c>
      <c r="L18" s="46">
        <v>69840.825013754205</v>
      </c>
      <c r="M18" s="46">
        <v>69840.825013754205</v>
      </c>
      <c r="N18" s="46">
        <v>69840.825013754205</v>
      </c>
      <c r="O18" s="46">
        <v>69840.825013754205</v>
      </c>
      <c r="P18" s="46">
        <v>69840.825013754205</v>
      </c>
      <c r="Q18" s="46">
        <v>69840.825013754205</v>
      </c>
      <c r="R18" s="46">
        <v>69840.825013754205</v>
      </c>
      <c r="S18" s="46">
        <v>69840.825013754205</v>
      </c>
      <c r="T18" s="46">
        <v>69840.825013754205</v>
      </c>
      <c r="U18" s="46">
        <v>69840.825013754205</v>
      </c>
      <c r="V18" s="46">
        <v>69840.825013754205</v>
      </c>
    </row>
    <row r="19" spans="1:22">
      <c r="A19" s="41" t="s">
        <v>66</v>
      </c>
      <c r="B19" s="41"/>
      <c r="C19" s="47">
        <v>3422200.4256739556</v>
      </c>
      <c r="D19" s="47">
        <v>3422200.4256739556</v>
      </c>
      <c r="E19" s="47">
        <v>3422200.4256739556</v>
      </c>
      <c r="F19" s="47">
        <v>3422200.4256739556</v>
      </c>
      <c r="G19" s="47">
        <v>3422200.4256739556</v>
      </c>
      <c r="H19" s="47">
        <v>3422200.4256739556</v>
      </c>
      <c r="I19" s="47">
        <v>3422200.4256739556</v>
      </c>
      <c r="J19" s="47">
        <v>3422200.4256739556</v>
      </c>
      <c r="K19" s="47">
        <v>3422200.4256739556</v>
      </c>
      <c r="L19" s="47">
        <v>3422200.4256739556</v>
      </c>
      <c r="M19" s="47">
        <v>3422200.4256739556</v>
      </c>
      <c r="N19" s="47">
        <v>3422200.4256739556</v>
      </c>
      <c r="O19" s="47">
        <v>3422200.4256739556</v>
      </c>
      <c r="P19" s="47">
        <v>3422200.4256739556</v>
      </c>
      <c r="Q19" s="47">
        <v>3422200.4256739556</v>
      </c>
      <c r="R19" s="47">
        <v>3422200.4256739556</v>
      </c>
      <c r="S19" s="47">
        <v>3422200.4256739556</v>
      </c>
      <c r="T19" s="47">
        <v>3422200.4256739556</v>
      </c>
      <c r="U19" s="47">
        <v>3422200.4256739556</v>
      </c>
      <c r="V19" s="47">
        <v>3422200.4256739556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750284.0093204265</v>
      </c>
      <c r="D21" s="46">
        <v>1750284.0093204265</v>
      </c>
      <c r="E21" s="46">
        <v>1750284.0093204265</v>
      </c>
      <c r="F21" s="46">
        <v>1757686.8093204265</v>
      </c>
      <c r="G21" s="46">
        <v>1757686.8093204265</v>
      </c>
      <c r="H21" s="46">
        <v>1757686.8093204265</v>
      </c>
      <c r="I21" s="46">
        <v>1757686.8093204265</v>
      </c>
      <c r="J21" s="46">
        <v>1757686.8093204265</v>
      </c>
      <c r="K21" s="46">
        <v>1757686.8093204265</v>
      </c>
      <c r="L21" s="46">
        <v>1757686.8093204265</v>
      </c>
      <c r="M21" s="48">
        <v>1750284.0093204265</v>
      </c>
      <c r="N21" s="48">
        <v>1750284.0093204265</v>
      </c>
      <c r="O21" s="48">
        <v>1750284.0093204265</v>
      </c>
      <c r="P21" s="48">
        <v>1757686.8093204265</v>
      </c>
      <c r="Q21" s="48">
        <v>1757686.8093204265</v>
      </c>
      <c r="R21" s="48">
        <v>1757686.8093204265</v>
      </c>
      <c r="S21" s="48">
        <v>1757686.8093204265</v>
      </c>
      <c r="T21" s="48">
        <v>1757686.8093204265</v>
      </c>
      <c r="U21" s="48">
        <v>1757686.8093204265</v>
      </c>
      <c r="V21" s="48">
        <v>1757686.8093204265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1154650.9151242331</v>
      </c>
      <c r="D23" s="42">
        <v>1184867.7409042332</v>
      </c>
      <c r="E23" s="42">
        <v>1209510.4463442331</v>
      </c>
      <c r="F23" s="42">
        <v>1213991.5663442332</v>
      </c>
      <c r="G23" s="42">
        <v>1213991.5663442332</v>
      </c>
      <c r="H23" s="42">
        <v>59451.95355333334</v>
      </c>
      <c r="I23" s="42">
        <v>206886.30577333336</v>
      </c>
      <c r="J23" s="42">
        <v>359894.77833333338</v>
      </c>
      <c r="K23" s="42">
        <v>533064.83633333328</v>
      </c>
      <c r="L23" s="42">
        <v>732716.01433333335</v>
      </c>
      <c r="M23" s="42">
        <v>1814711.2511133333</v>
      </c>
      <c r="N23" s="42">
        <v>1667276.8988933333</v>
      </c>
      <c r="O23" s="42">
        <v>1514268.4263333334</v>
      </c>
      <c r="P23" s="42">
        <v>1341098.3683333334</v>
      </c>
      <c r="Q23" s="42">
        <v>1141447.1903333333</v>
      </c>
      <c r="R23" s="42">
        <v>59451.953553333333</v>
      </c>
      <c r="S23" s="42">
        <v>206886.30577333336</v>
      </c>
      <c r="T23" s="42">
        <v>359894.77833333338</v>
      </c>
      <c r="U23" s="42">
        <v>533064.83633333328</v>
      </c>
      <c r="V23" s="42">
        <v>710716.01433333335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517265.50122929597</v>
      </c>
      <c r="D25" s="48">
        <v>487048.6754492959</v>
      </c>
      <c r="E25" s="48">
        <v>462405.97000929597</v>
      </c>
      <c r="F25" s="48">
        <v>450522.05000929581</v>
      </c>
      <c r="G25" s="48">
        <v>450522.05000929581</v>
      </c>
      <c r="H25" s="48">
        <v>1605061.6628001956</v>
      </c>
      <c r="I25" s="48">
        <v>1457627.3105801956</v>
      </c>
      <c r="J25" s="48">
        <v>1304618.8380201957</v>
      </c>
      <c r="K25" s="48">
        <v>1131448.7800201958</v>
      </c>
      <c r="L25" s="48">
        <v>931797.60202019569</v>
      </c>
      <c r="M25" s="48">
        <v>-142794.83475980419</v>
      </c>
      <c r="N25" s="48">
        <v>4639.5174601958133</v>
      </c>
      <c r="O25" s="48">
        <v>157647.99002019572</v>
      </c>
      <c r="P25" s="48">
        <v>323415.24802019564</v>
      </c>
      <c r="Q25" s="48">
        <v>523066.42602019571</v>
      </c>
      <c r="R25" s="48">
        <v>1605061.6628001956</v>
      </c>
      <c r="S25" s="48">
        <v>1457627.3105801956</v>
      </c>
      <c r="T25" s="48">
        <v>1304618.8380201957</v>
      </c>
      <c r="U25" s="48">
        <v>1131448.7800201958</v>
      </c>
      <c r="V25" s="48">
        <v>953797.60202019569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75870.27041796065</v>
      </c>
      <c r="D27" s="42">
        <v>165596.54965276062</v>
      </c>
      <c r="E27" s="42">
        <v>157218.02980316064</v>
      </c>
      <c r="F27" s="42">
        <v>153177.49700316059</v>
      </c>
      <c r="G27" s="42">
        <v>153177.49700316059</v>
      </c>
      <c r="H27" s="42">
        <v>545720.96535206656</v>
      </c>
      <c r="I27" s="42">
        <v>495593.28559726657</v>
      </c>
      <c r="J27" s="42">
        <v>443570.40492686658</v>
      </c>
      <c r="K27" s="42">
        <v>384692.58520686661</v>
      </c>
      <c r="L27" s="42">
        <v>316811.18468686653</v>
      </c>
      <c r="M27" s="42">
        <v>0</v>
      </c>
      <c r="N27" s="42">
        <v>1577.4359364665765</v>
      </c>
      <c r="O27" s="42">
        <v>53600.316606866552</v>
      </c>
      <c r="P27" s="42">
        <v>109961.18432686653</v>
      </c>
      <c r="Q27" s="42">
        <v>177842.58484686655</v>
      </c>
      <c r="R27" s="42">
        <v>545720.96535206656</v>
      </c>
      <c r="S27" s="42">
        <v>495593.28559726657</v>
      </c>
      <c r="T27" s="42">
        <v>443570.40492686658</v>
      </c>
      <c r="U27" s="42">
        <v>384692.58520686661</v>
      </c>
      <c r="V27" s="42">
        <v>324291.18468686653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341395.23081133532</v>
      </c>
      <c r="D29" s="48">
        <v>321452.12579653529</v>
      </c>
      <c r="E29" s="48">
        <v>305187.94020613533</v>
      </c>
      <c r="F29" s="48">
        <v>297344.55300613522</v>
      </c>
      <c r="G29" s="48">
        <v>297344.55300613522</v>
      </c>
      <c r="H29" s="48">
        <v>1059340.6974481291</v>
      </c>
      <c r="I29" s="48">
        <v>962034.024982929</v>
      </c>
      <c r="J29" s="48">
        <v>861048.43309332919</v>
      </c>
      <c r="K29" s="48">
        <v>746756.19481332914</v>
      </c>
      <c r="L29" s="48">
        <v>614986.4173333291</v>
      </c>
      <c r="M29" s="48">
        <v>-142794.83475980419</v>
      </c>
      <c r="N29" s="48">
        <v>3062.0815237292368</v>
      </c>
      <c r="O29" s="48">
        <v>104047.67341332918</v>
      </c>
      <c r="P29" s="48">
        <v>213454.06369332911</v>
      </c>
      <c r="Q29" s="48">
        <v>345223.84117332916</v>
      </c>
      <c r="R29" s="48">
        <v>1059340.6974481291</v>
      </c>
      <c r="S29" s="48">
        <v>962034.024982929</v>
      </c>
      <c r="T29" s="48">
        <v>861048.43309332919</v>
      </c>
      <c r="U29" s="48">
        <v>746756.19481332914</v>
      </c>
      <c r="V29" s="48">
        <v>629506.4173333291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1154650.9151242331</v>
      </c>
      <c r="D31" s="42">
        <v>1184867.7409042332</v>
      </c>
      <c r="E31" s="42">
        <v>1209510.4463442331</v>
      </c>
      <c r="F31" s="42">
        <v>1213991.5663442332</v>
      </c>
      <c r="G31" s="42">
        <v>1213991.5663442332</v>
      </c>
      <c r="H31" s="42">
        <v>59451.95355333334</v>
      </c>
      <c r="I31" s="42">
        <v>206886.30577333336</v>
      </c>
      <c r="J31" s="42">
        <v>359894.77833333338</v>
      </c>
      <c r="K31" s="42">
        <v>533064.83633333328</v>
      </c>
      <c r="L31" s="42">
        <v>732716.01433333335</v>
      </c>
      <c r="M31" s="42">
        <v>1814711.2511133333</v>
      </c>
      <c r="N31" s="42">
        <v>1667276.8988933333</v>
      </c>
      <c r="O31" s="42">
        <v>1514268.4263333334</v>
      </c>
      <c r="P31" s="42">
        <v>1341098.3683333334</v>
      </c>
      <c r="Q31" s="42">
        <v>1141447.1903333333</v>
      </c>
      <c r="R31" s="42">
        <v>59451.953553333333</v>
      </c>
      <c r="S31" s="42">
        <v>206886.30577333336</v>
      </c>
      <c r="T31" s="42">
        <v>359894.77833333338</v>
      </c>
      <c r="U31" s="42">
        <v>533064.83633333328</v>
      </c>
      <c r="V31" s="42">
        <v>710716.01433333335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1496046.1459355685</v>
      </c>
      <c r="D33" s="48">
        <v>1506319.8667007685</v>
      </c>
      <c r="E33" s="48">
        <v>1514698.3865503685</v>
      </c>
      <c r="F33" s="48">
        <v>1511336.1193503684</v>
      </c>
      <c r="G33" s="48">
        <v>1511336.1193503684</v>
      </c>
      <c r="H33" s="48">
        <v>1118792.6510014625</v>
      </c>
      <c r="I33" s="48">
        <v>1168920.3307562624</v>
      </c>
      <c r="J33" s="48">
        <v>1220943.2114266625</v>
      </c>
      <c r="K33" s="48">
        <v>1279821.0311466623</v>
      </c>
      <c r="L33" s="48">
        <v>1347702.4316666625</v>
      </c>
      <c r="M33" s="48">
        <v>1671916.4163535291</v>
      </c>
      <c r="N33" s="48">
        <v>1670338.9804170625</v>
      </c>
      <c r="O33" s="48">
        <v>1618316.0997466627</v>
      </c>
      <c r="P33" s="48">
        <v>1554552.4320266624</v>
      </c>
      <c r="Q33" s="48">
        <v>1486671.0315066625</v>
      </c>
      <c r="R33" s="48">
        <v>1118792.6510014625</v>
      </c>
      <c r="S33" s="48">
        <v>1168920.3307562624</v>
      </c>
      <c r="T33" s="48">
        <v>1220943.2114266625</v>
      </c>
      <c r="U33" s="48">
        <v>1279821.0311466623</v>
      </c>
      <c r="V33" s="48">
        <v>1340222.4316666625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7596422.8866843609</v>
      </c>
      <c r="C35" s="47">
        <v>80440.843899999993</v>
      </c>
      <c r="D35" s="47">
        <v>151084.12890000001</v>
      </c>
      <c r="E35" s="47">
        <v>123213.52720000001</v>
      </c>
      <c r="F35" s="47">
        <v>22405.599999999999</v>
      </c>
      <c r="G35" s="47">
        <v>0</v>
      </c>
      <c r="H35" s="47">
        <v>888255.89</v>
      </c>
      <c r="I35" s="47">
        <v>888255.89</v>
      </c>
      <c r="J35" s="47">
        <v>888255.89</v>
      </c>
      <c r="K35" s="47">
        <v>888255.89</v>
      </c>
      <c r="L35" s="47">
        <v>5439535.3399999999</v>
      </c>
      <c r="M35" s="47">
        <v>80440.843899999993</v>
      </c>
      <c r="N35" s="47">
        <v>151084.12890000001</v>
      </c>
      <c r="O35" s="47">
        <v>123213.52720000001</v>
      </c>
      <c r="P35" s="47">
        <v>22405.599999999999</v>
      </c>
      <c r="Q35" s="47">
        <v>0</v>
      </c>
      <c r="R35" s="47">
        <v>888255.89</v>
      </c>
      <c r="S35" s="47">
        <v>888255.89</v>
      </c>
      <c r="T35" s="47">
        <v>888255.89</v>
      </c>
      <c r="U35" s="47">
        <v>888255.89</v>
      </c>
      <c r="V35" s="47">
        <v>-23976.49327836201</v>
      </c>
    </row>
    <row r="36" spans="1:22">
      <c r="A36" s="49" t="s">
        <v>75</v>
      </c>
      <c r="B36" s="48">
        <v>7501676.2934059994</v>
      </c>
      <c r="C36" s="48">
        <v>0</v>
      </c>
      <c r="D36" s="48">
        <v>0</v>
      </c>
      <c r="E36" s="48">
        <v>0</v>
      </c>
      <c r="F36" s="48">
        <v>0</v>
      </c>
      <c r="G36" s="48">
        <v>0</v>
      </c>
      <c r="H36" s="48">
        <v>888255.89</v>
      </c>
      <c r="I36" s="48">
        <v>888255.89</v>
      </c>
      <c r="J36" s="48">
        <v>888255.89</v>
      </c>
      <c r="K36" s="48">
        <v>888255.89</v>
      </c>
      <c r="L36" s="48">
        <v>5329535.34</v>
      </c>
      <c r="M36" s="48">
        <v>0</v>
      </c>
      <c r="N36" s="48">
        <v>0</v>
      </c>
      <c r="O36" s="48">
        <v>0</v>
      </c>
      <c r="P36" s="48">
        <v>0</v>
      </c>
      <c r="Q36" s="48">
        <v>0</v>
      </c>
      <c r="R36" s="48">
        <v>888255.89</v>
      </c>
      <c r="S36" s="48">
        <v>888255.89</v>
      </c>
      <c r="T36" s="48">
        <v>888255.89</v>
      </c>
      <c r="U36" s="48">
        <v>888255.89</v>
      </c>
      <c r="V36" s="48">
        <v>0</v>
      </c>
    </row>
    <row r="37" spans="1:22">
      <c r="A37" s="50" t="s">
        <v>76</v>
      </c>
      <c r="B37" s="42">
        <v>66000</v>
      </c>
      <c r="C37" s="42">
        <v>80440.843899999993</v>
      </c>
      <c r="D37" s="42">
        <v>151084.12890000001</v>
      </c>
      <c r="E37" s="42">
        <v>123213.52720000001</v>
      </c>
      <c r="F37" s="42">
        <v>22405.599999999999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110000</v>
      </c>
      <c r="M37" s="42">
        <v>80440.843899999993</v>
      </c>
      <c r="N37" s="42">
        <v>151084.12890000001</v>
      </c>
      <c r="O37" s="42">
        <v>123213.52720000001</v>
      </c>
      <c r="P37" s="42">
        <v>22405.599999999999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3976.49327836201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3976.49327836201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0</v>
      </c>
      <c r="D41" s="46">
        <v>0</v>
      </c>
      <c r="E41" s="46">
        <v>0</v>
      </c>
      <c r="F41" s="46">
        <v>0</v>
      </c>
      <c r="G41" s="46">
        <v>0</v>
      </c>
      <c r="H41" s="46">
        <v>37750.875325000001</v>
      </c>
      <c r="I41" s="46">
        <v>37750.875325000001</v>
      </c>
      <c r="J41" s="46">
        <v>37750.875325000001</v>
      </c>
      <c r="K41" s="46">
        <v>37750.875325000001</v>
      </c>
      <c r="L41" s="46">
        <v>226505.25195000003</v>
      </c>
      <c r="M41" s="46">
        <v>0</v>
      </c>
      <c r="N41" s="46">
        <v>0</v>
      </c>
      <c r="O41" s="46">
        <v>0</v>
      </c>
      <c r="P41" s="46">
        <v>0</v>
      </c>
      <c r="Q41" s="46">
        <v>0</v>
      </c>
      <c r="R41" s="46">
        <v>37750.875325000001</v>
      </c>
      <c r="S41" s="46">
        <v>37750.875325000001</v>
      </c>
      <c r="T41" s="46">
        <v>37750.875325000001</v>
      </c>
      <c r="U41" s="46">
        <v>37750.875325000001</v>
      </c>
      <c r="V41" s="46">
        <v>1684119.0438101331</v>
      </c>
    </row>
    <row r="42" spans="1:22">
      <c r="A42" s="41" t="s">
        <v>80</v>
      </c>
      <c r="B42" s="41"/>
      <c r="C42" s="47">
        <v>0</v>
      </c>
      <c r="D42" s="47">
        <v>0</v>
      </c>
      <c r="E42" s="47">
        <v>0</v>
      </c>
      <c r="F42" s="47">
        <v>0</v>
      </c>
      <c r="G42" s="47">
        <v>0</v>
      </c>
      <c r="H42" s="47">
        <v>37750.875325000001</v>
      </c>
      <c r="I42" s="47">
        <v>37750.875325000001</v>
      </c>
      <c r="J42" s="47">
        <v>37750.875325000001</v>
      </c>
      <c r="K42" s="47">
        <v>37750.875325000001</v>
      </c>
      <c r="L42" s="47">
        <v>226505.25195000003</v>
      </c>
      <c r="M42" s="47">
        <v>0</v>
      </c>
      <c r="N42" s="47">
        <v>0</v>
      </c>
      <c r="O42" s="47">
        <v>0</v>
      </c>
      <c r="P42" s="47">
        <v>0</v>
      </c>
      <c r="Q42" s="47">
        <v>0</v>
      </c>
      <c r="R42" s="47">
        <v>37750.875325000001</v>
      </c>
      <c r="S42" s="47">
        <v>37750.875325000001</v>
      </c>
      <c r="T42" s="47">
        <v>37750.875325000001</v>
      </c>
      <c r="U42" s="47">
        <v>37750.875325000001</v>
      </c>
      <c r="V42" s="47">
        <v>1681574.9904767999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7596422.8866843609</v>
      </c>
      <c r="C45" s="53">
        <v>1415605.3020355685</v>
      </c>
      <c r="D45" s="53">
        <v>1355235.7378007686</v>
      </c>
      <c r="E45" s="53">
        <v>1391484.8593503684</v>
      </c>
      <c r="F45" s="53">
        <v>1488930.5193503683</v>
      </c>
      <c r="G45" s="53">
        <v>1511336.1193503684</v>
      </c>
      <c r="H45" s="53">
        <v>268287.6363264625</v>
      </c>
      <c r="I45" s="53">
        <v>318415.31608126243</v>
      </c>
      <c r="J45" s="53">
        <v>370438.19675166253</v>
      </c>
      <c r="K45" s="53">
        <v>429316.01647166233</v>
      </c>
      <c r="L45" s="53">
        <v>-3865327.6563833375</v>
      </c>
      <c r="M45" s="53">
        <v>1591475.5724535291</v>
      </c>
      <c r="N45" s="53">
        <v>1519254.8515170626</v>
      </c>
      <c r="O45" s="53">
        <v>1495102.5725466628</v>
      </c>
      <c r="P45" s="53">
        <v>1532146.8320266623</v>
      </c>
      <c r="Q45" s="53">
        <v>1486671.0315066625</v>
      </c>
      <c r="R45" s="53">
        <v>268287.6363264625</v>
      </c>
      <c r="S45" s="53">
        <v>318415.31608126243</v>
      </c>
      <c r="T45" s="53">
        <v>370438.19675166253</v>
      </c>
      <c r="U45" s="53">
        <v>429316.01647166233</v>
      </c>
      <c r="V45" s="53">
        <v>3048317.9687551577</v>
      </c>
    </row>
    <row r="46" spans="1:22">
      <c r="A46" s="41"/>
      <c r="B46" s="41"/>
      <c r="C46" s="56"/>
      <c r="D46" s="56"/>
      <c r="E46" s="56"/>
      <c r="F46" s="56"/>
      <c r="G46" s="56"/>
      <c r="H46" s="56"/>
      <c r="I46" s="56"/>
      <c r="J46" s="56"/>
      <c r="K46" s="56"/>
      <c r="L46" s="56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1154650.9151242331</v>
      </c>
      <c r="D55" s="60">
        <v>1184867.7409042332</v>
      </c>
      <c r="E55" s="60">
        <v>1209510.4463442331</v>
      </c>
      <c r="F55" s="60">
        <v>1213991.5663442332</v>
      </c>
      <c r="G55" s="60">
        <v>1213991.5663442332</v>
      </c>
      <c r="H55" s="60">
        <v>59451.95355333334</v>
      </c>
      <c r="I55" s="60">
        <v>206886.30577333336</v>
      </c>
      <c r="J55" s="60">
        <v>359894.77833333338</v>
      </c>
      <c r="K55" s="60">
        <v>533064.83633333328</v>
      </c>
      <c r="L55" s="60">
        <v>732716.01433333335</v>
      </c>
      <c r="M55" s="60">
        <v>1814711.2511133333</v>
      </c>
      <c r="N55" s="60">
        <v>1667276.8988933333</v>
      </c>
      <c r="O55" s="60">
        <v>1514268.4263333334</v>
      </c>
      <c r="P55" s="60">
        <v>1341098.3683333334</v>
      </c>
      <c r="Q55" s="60">
        <v>1141447.1903333333</v>
      </c>
      <c r="R55" s="60">
        <v>59451.953553333333</v>
      </c>
      <c r="S55" s="60">
        <v>206886.30577333336</v>
      </c>
      <c r="T55" s="60">
        <v>359894.77833333338</v>
      </c>
      <c r="U55" s="60">
        <v>533064.83633333328</v>
      </c>
      <c r="V55" s="61">
        <v>710716.01433333335</v>
      </c>
    </row>
    <row r="56" spans="1:22">
      <c r="A56" s="62" t="s">
        <v>84</v>
      </c>
      <c r="B56" s="63"/>
      <c r="C56" s="65">
        <v>1125251.4440108999</v>
      </c>
      <c r="D56" s="65">
        <v>1125251.4440108999</v>
      </c>
      <c r="E56" s="65">
        <v>1125251.4440108999</v>
      </c>
      <c r="F56" s="65">
        <v>1125251.4440108999</v>
      </c>
      <c r="G56" s="65">
        <v>1125251.4440108999</v>
      </c>
      <c r="H56" s="65">
        <v>0</v>
      </c>
      <c r="I56" s="65">
        <v>177651.17800000001</v>
      </c>
      <c r="J56" s="65">
        <v>355302.35600000003</v>
      </c>
      <c r="K56" s="65">
        <v>532953.53399999999</v>
      </c>
      <c r="L56" s="65">
        <v>710604.71200000006</v>
      </c>
      <c r="M56" s="65">
        <v>1776511.78</v>
      </c>
      <c r="N56" s="65">
        <v>1598860.602</v>
      </c>
      <c r="O56" s="65">
        <v>1421209.4240000001</v>
      </c>
      <c r="P56" s="65">
        <v>1243558.246</v>
      </c>
      <c r="Q56" s="65">
        <v>1065907.068</v>
      </c>
      <c r="R56" s="65">
        <v>0</v>
      </c>
      <c r="S56" s="65">
        <v>177651.17800000001</v>
      </c>
      <c r="T56" s="65">
        <v>355302.35600000003</v>
      </c>
      <c r="U56" s="65">
        <v>532953.53399999999</v>
      </c>
      <c r="V56" s="66">
        <v>710604.71200000006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61" t="s">
        <v>175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>
  <sheetPr codeName="Plan18"/>
  <dimension ref="A1:X91"/>
  <sheetViews>
    <sheetView view="pageBreakPreview" topLeftCell="A49" zoomScale="80" zoomScaleNormal="100" zoomScaleSheetLayoutView="80" workbookViewId="0">
      <selection activeCell="K91" sqref="K91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18">
      <c r="A1" s="158" t="s">
        <v>93</v>
      </c>
    </row>
    <row r="4" spans="1:22" ht="18">
      <c r="A4" s="158" t="s">
        <v>153</v>
      </c>
    </row>
    <row r="5" spans="1:22" ht="15.75">
      <c r="A5" s="166" t="s">
        <v>160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32289.265230825768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6276.557450470222</v>
      </c>
    </row>
    <row r="11" spans="1:22" ht="12.75">
      <c r="A11" s="167" t="s">
        <v>60</v>
      </c>
      <c r="B11" s="168"/>
      <c r="C11" s="175">
        <v>7891.6131965999994</v>
      </c>
    </row>
    <row r="12" spans="1:22" ht="12.75">
      <c r="A12" s="167" t="s">
        <v>61</v>
      </c>
      <c r="B12" s="168"/>
      <c r="C12" s="176">
        <v>8384.9442538702224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3874711.8276990918</v>
      </c>
      <c r="D17" s="42">
        <v>3874711.8276990918</v>
      </c>
      <c r="E17" s="42">
        <v>3874711.8276990918</v>
      </c>
      <c r="F17" s="42">
        <v>3874711.8276990918</v>
      </c>
      <c r="G17" s="42">
        <v>3874711.8276990918</v>
      </c>
      <c r="H17" s="42">
        <v>3874711.8276990918</v>
      </c>
      <c r="I17" s="42">
        <v>3874711.8276990918</v>
      </c>
      <c r="J17" s="42">
        <v>3874711.8276990918</v>
      </c>
      <c r="K17" s="42">
        <v>3874711.8276990918</v>
      </c>
      <c r="L17" s="42">
        <v>3874711.8276990918</v>
      </c>
      <c r="M17" s="42">
        <v>3874711.8276990918</v>
      </c>
      <c r="N17" s="42">
        <v>3874711.8276990918</v>
      </c>
      <c r="O17" s="42">
        <v>3874711.8276990918</v>
      </c>
      <c r="P17" s="42">
        <v>3874711.8276990918</v>
      </c>
      <c r="Q17" s="42">
        <v>3874711.8276990918</v>
      </c>
      <c r="R17" s="42">
        <v>3874711.8276990918</v>
      </c>
      <c r="S17" s="42">
        <v>3874711.8276990918</v>
      </c>
      <c r="T17" s="42">
        <v>3874711.8276990918</v>
      </c>
      <c r="U17" s="42">
        <v>3874711.8276990918</v>
      </c>
      <c r="V17" s="42">
        <v>3874711.8276990918</v>
      </c>
    </row>
    <row r="18" spans="1:22">
      <c r="A18" s="45" t="s">
        <v>65</v>
      </c>
      <c r="B18" s="45"/>
      <c r="C18" s="46">
        <v>77494.236553981842</v>
      </c>
      <c r="D18" s="46">
        <v>77494.236553981842</v>
      </c>
      <c r="E18" s="46">
        <v>77494.236553981842</v>
      </c>
      <c r="F18" s="46">
        <v>77494.236553981842</v>
      </c>
      <c r="G18" s="46">
        <v>77494.236553981842</v>
      </c>
      <c r="H18" s="46">
        <v>77494.236553981842</v>
      </c>
      <c r="I18" s="46">
        <v>77494.236553981842</v>
      </c>
      <c r="J18" s="46">
        <v>77494.236553981842</v>
      </c>
      <c r="K18" s="46">
        <v>77494.236553981842</v>
      </c>
      <c r="L18" s="46">
        <v>77494.236553981842</v>
      </c>
      <c r="M18" s="46">
        <v>77494.236553981842</v>
      </c>
      <c r="N18" s="46">
        <v>77494.236553981842</v>
      </c>
      <c r="O18" s="46">
        <v>77494.236553981842</v>
      </c>
      <c r="P18" s="46">
        <v>77494.236553981842</v>
      </c>
      <c r="Q18" s="46">
        <v>77494.236553981842</v>
      </c>
      <c r="R18" s="46">
        <v>77494.236553981842</v>
      </c>
      <c r="S18" s="46">
        <v>77494.236553981842</v>
      </c>
      <c r="T18" s="46">
        <v>77494.236553981842</v>
      </c>
      <c r="U18" s="46">
        <v>77494.236553981842</v>
      </c>
      <c r="V18" s="46">
        <v>77494.236553981842</v>
      </c>
    </row>
    <row r="19" spans="1:22">
      <c r="A19" s="41" t="s">
        <v>66</v>
      </c>
      <c r="B19" s="41"/>
      <c r="C19" s="47">
        <v>3797217.5911451099</v>
      </c>
      <c r="D19" s="47">
        <v>3797217.5911451099</v>
      </c>
      <c r="E19" s="47">
        <v>3797217.5911451099</v>
      </c>
      <c r="F19" s="47">
        <v>3797217.5911451099</v>
      </c>
      <c r="G19" s="47">
        <v>3797217.5911451099</v>
      </c>
      <c r="H19" s="47">
        <v>3797217.5911451099</v>
      </c>
      <c r="I19" s="47">
        <v>3797217.5911451099</v>
      </c>
      <c r="J19" s="47">
        <v>3797217.5911451099</v>
      </c>
      <c r="K19" s="47">
        <v>3797217.5911451099</v>
      </c>
      <c r="L19" s="47">
        <v>3797217.5911451099</v>
      </c>
      <c r="M19" s="47">
        <v>3797217.5911451099</v>
      </c>
      <c r="N19" s="47">
        <v>3797217.5911451099</v>
      </c>
      <c r="O19" s="47">
        <v>3797217.5911451099</v>
      </c>
      <c r="P19" s="47">
        <v>3797217.5911451099</v>
      </c>
      <c r="Q19" s="47">
        <v>3797217.5911451099</v>
      </c>
      <c r="R19" s="47">
        <v>3797217.5911451099</v>
      </c>
      <c r="S19" s="47">
        <v>3797217.5911451099</v>
      </c>
      <c r="T19" s="47">
        <v>3797217.5911451099</v>
      </c>
      <c r="U19" s="47">
        <v>3797217.5911451099</v>
      </c>
      <c r="V19" s="47">
        <v>3797217.5911451099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963790.0940564263</v>
      </c>
      <c r="D21" s="46">
        <v>1963790.0940564263</v>
      </c>
      <c r="E21" s="46">
        <v>1963790.0940564263</v>
      </c>
      <c r="F21" s="46">
        <v>1971192.8940564264</v>
      </c>
      <c r="G21" s="46">
        <v>1971192.8940564264</v>
      </c>
      <c r="H21" s="46">
        <v>1971192.8940564264</v>
      </c>
      <c r="I21" s="46">
        <v>1971192.8940564264</v>
      </c>
      <c r="J21" s="46">
        <v>1971192.8940564264</v>
      </c>
      <c r="K21" s="46">
        <v>1971192.8940564264</v>
      </c>
      <c r="L21" s="46">
        <v>1971192.8940564264</v>
      </c>
      <c r="M21" s="48">
        <v>1963790.0940564263</v>
      </c>
      <c r="N21" s="48">
        <v>1963790.0940564263</v>
      </c>
      <c r="O21" s="48">
        <v>1963790.0940564263</v>
      </c>
      <c r="P21" s="48">
        <v>1971192.8940564264</v>
      </c>
      <c r="Q21" s="48">
        <v>1971192.8940564264</v>
      </c>
      <c r="R21" s="48">
        <v>1971192.8940564264</v>
      </c>
      <c r="S21" s="48">
        <v>1971192.8940564264</v>
      </c>
      <c r="T21" s="48">
        <v>1971192.8940564264</v>
      </c>
      <c r="U21" s="48">
        <v>1971192.8940564264</v>
      </c>
      <c r="V21" s="48">
        <v>1971192.8940564264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727768.4154473833</v>
      </c>
      <c r="D23" s="42">
        <v>979109.87874738337</v>
      </c>
      <c r="E23" s="42">
        <v>1227026.6586673835</v>
      </c>
      <c r="F23" s="42">
        <v>1448061.3246673835</v>
      </c>
      <c r="G23" s="42">
        <v>1664614.8706673835</v>
      </c>
      <c r="H23" s="42">
        <v>1153511.3035533333</v>
      </c>
      <c r="I23" s="42">
        <v>1118723.3862533332</v>
      </c>
      <c r="J23" s="42">
        <v>1087360.1523333334</v>
      </c>
      <c r="K23" s="42">
        <v>1082879.0323333333</v>
      </c>
      <c r="L23" s="42">
        <v>1104879.0323333333</v>
      </c>
      <c r="M23" s="42">
        <v>1120967.2011133332</v>
      </c>
      <c r="N23" s="42">
        <v>1155755.1184133333</v>
      </c>
      <c r="O23" s="42">
        <v>1187118.3523333333</v>
      </c>
      <c r="P23" s="42">
        <v>1191599.4723333332</v>
      </c>
      <c r="Q23" s="42">
        <v>1169599.4723333332</v>
      </c>
      <c r="R23" s="42">
        <v>1153511.3035533333</v>
      </c>
      <c r="S23" s="42">
        <v>1118723.3862533332</v>
      </c>
      <c r="T23" s="42">
        <v>1087360.1523333334</v>
      </c>
      <c r="U23" s="42">
        <v>1082879.0323333333</v>
      </c>
      <c r="V23" s="42">
        <v>1082879.0323333333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1105659.0816413001</v>
      </c>
      <c r="D25" s="48">
        <v>854317.61834130017</v>
      </c>
      <c r="E25" s="48">
        <v>606400.83842130005</v>
      </c>
      <c r="F25" s="48">
        <v>377963.37242130004</v>
      </c>
      <c r="G25" s="48">
        <v>161409.82642129995</v>
      </c>
      <c r="H25" s="48">
        <v>672513.39353535022</v>
      </c>
      <c r="I25" s="48">
        <v>707301.3108353503</v>
      </c>
      <c r="J25" s="48">
        <v>738664.5447553501</v>
      </c>
      <c r="K25" s="48">
        <v>743145.66475535021</v>
      </c>
      <c r="L25" s="48">
        <v>721145.66475535021</v>
      </c>
      <c r="M25" s="48">
        <v>712460.29597535031</v>
      </c>
      <c r="N25" s="48">
        <v>677672.37867535022</v>
      </c>
      <c r="O25" s="48">
        <v>646309.14475535019</v>
      </c>
      <c r="P25" s="48">
        <v>634425.22475535027</v>
      </c>
      <c r="Q25" s="48">
        <v>656425.22475535027</v>
      </c>
      <c r="R25" s="48">
        <v>672513.39353535022</v>
      </c>
      <c r="S25" s="48">
        <v>707301.3108353503</v>
      </c>
      <c r="T25" s="48">
        <v>738664.5447553501</v>
      </c>
      <c r="U25" s="48">
        <v>743145.66475535021</v>
      </c>
      <c r="V25" s="48">
        <v>743145.66475535021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375924.08775804209</v>
      </c>
      <c r="D27" s="42">
        <v>290467.99023604207</v>
      </c>
      <c r="E27" s="42">
        <v>206176.28506324204</v>
      </c>
      <c r="F27" s="42">
        <v>128507.54662324203</v>
      </c>
      <c r="G27" s="42">
        <v>54879.340983241986</v>
      </c>
      <c r="H27" s="42">
        <v>228654.5538020191</v>
      </c>
      <c r="I27" s="42">
        <v>240482.44568401913</v>
      </c>
      <c r="J27" s="42">
        <v>251145.94521681906</v>
      </c>
      <c r="K27" s="42">
        <v>252669.52601681909</v>
      </c>
      <c r="L27" s="42">
        <v>245189.52601681909</v>
      </c>
      <c r="M27" s="42">
        <v>242236.50063161913</v>
      </c>
      <c r="N27" s="42">
        <v>230408.6087496191</v>
      </c>
      <c r="O27" s="42">
        <v>219745.10921681908</v>
      </c>
      <c r="P27" s="42">
        <v>215704.57641681909</v>
      </c>
      <c r="Q27" s="42">
        <v>223184.57641681909</v>
      </c>
      <c r="R27" s="42">
        <v>228654.5538020191</v>
      </c>
      <c r="S27" s="42">
        <v>240482.44568401913</v>
      </c>
      <c r="T27" s="42">
        <v>251145.94521681906</v>
      </c>
      <c r="U27" s="42">
        <v>252669.52601681909</v>
      </c>
      <c r="V27" s="42">
        <v>252669.52601681909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729734.99388325796</v>
      </c>
      <c r="D29" s="48">
        <v>563849.6281052581</v>
      </c>
      <c r="E29" s="48">
        <v>400224.55335805798</v>
      </c>
      <c r="F29" s="48">
        <v>249455.82579805801</v>
      </c>
      <c r="G29" s="48">
        <v>106530.48543805796</v>
      </c>
      <c r="H29" s="48">
        <v>443858.83973333111</v>
      </c>
      <c r="I29" s="48">
        <v>466818.86515133118</v>
      </c>
      <c r="J29" s="48">
        <v>487518.59953853104</v>
      </c>
      <c r="K29" s="48">
        <v>490476.13873853115</v>
      </c>
      <c r="L29" s="48">
        <v>475956.13873853115</v>
      </c>
      <c r="M29" s="48">
        <v>470223.79534373118</v>
      </c>
      <c r="N29" s="48">
        <v>447263.76992573112</v>
      </c>
      <c r="O29" s="48">
        <v>426564.03553853114</v>
      </c>
      <c r="P29" s="48">
        <v>418720.64833853114</v>
      </c>
      <c r="Q29" s="48">
        <v>433240.64833853114</v>
      </c>
      <c r="R29" s="48">
        <v>443858.83973333111</v>
      </c>
      <c r="S29" s="48">
        <v>466818.86515133118</v>
      </c>
      <c r="T29" s="48">
        <v>487518.59953853104</v>
      </c>
      <c r="U29" s="48">
        <v>490476.13873853115</v>
      </c>
      <c r="V29" s="48">
        <v>490476.13873853115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727768.4154473833</v>
      </c>
      <c r="D31" s="42">
        <v>979109.87874738337</v>
      </c>
      <c r="E31" s="42">
        <v>1227026.6586673835</v>
      </c>
      <c r="F31" s="42">
        <v>1448061.3246673835</v>
      </c>
      <c r="G31" s="42">
        <v>1664614.8706673835</v>
      </c>
      <c r="H31" s="42">
        <v>1153511.3035533333</v>
      </c>
      <c r="I31" s="42">
        <v>1118723.3862533332</v>
      </c>
      <c r="J31" s="42">
        <v>1087360.1523333334</v>
      </c>
      <c r="K31" s="42">
        <v>1082879.0323333333</v>
      </c>
      <c r="L31" s="42">
        <v>1104879.0323333333</v>
      </c>
      <c r="M31" s="42">
        <v>1120967.2011133332</v>
      </c>
      <c r="N31" s="42">
        <v>1155755.1184133333</v>
      </c>
      <c r="O31" s="42">
        <v>1187118.3523333333</v>
      </c>
      <c r="P31" s="42">
        <v>1191599.4723333332</v>
      </c>
      <c r="Q31" s="42">
        <v>1169599.4723333332</v>
      </c>
      <c r="R31" s="42">
        <v>1153511.3035533333</v>
      </c>
      <c r="S31" s="42">
        <v>1118723.3862533332</v>
      </c>
      <c r="T31" s="42">
        <v>1087360.1523333334</v>
      </c>
      <c r="U31" s="42">
        <v>1082879.0323333333</v>
      </c>
      <c r="V31" s="42">
        <v>1082879.0323333333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1457503.4093306414</v>
      </c>
      <c r="D33" s="48">
        <v>1542959.5068526415</v>
      </c>
      <c r="E33" s="48">
        <v>1627251.2120254415</v>
      </c>
      <c r="F33" s="48">
        <v>1697517.1504654414</v>
      </c>
      <c r="G33" s="48">
        <v>1771145.3561054415</v>
      </c>
      <c r="H33" s="48">
        <v>1597370.1432866645</v>
      </c>
      <c r="I33" s="48">
        <v>1585542.2514046645</v>
      </c>
      <c r="J33" s="48">
        <v>1574878.7518718643</v>
      </c>
      <c r="K33" s="48">
        <v>1573355.1710718644</v>
      </c>
      <c r="L33" s="48">
        <v>1580835.1710718644</v>
      </c>
      <c r="M33" s="48">
        <v>1591190.9964570645</v>
      </c>
      <c r="N33" s="48">
        <v>1603018.8883390645</v>
      </c>
      <c r="O33" s="48">
        <v>1613682.3878718645</v>
      </c>
      <c r="P33" s="48">
        <v>1610320.1206718644</v>
      </c>
      <c r="Q33" s="48">
        <v>1602840.1206718644</v>
      </c>
      <c r="R33" s="48">
        <v>1597370.1432866645</v>
      </c>
      <c r="S33" s="48">
        <v>1585542.2514046645</v>
      </c>
      <c r="T33" s="48">
        <v>1574878.7518718643</v>
      </c>
      <c r="U33" s="48">
        <v>1573355.1710718644</v>
      </c>
      <c r="V33" s="48">
        <v>1573355.1710718644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4753464.2963921567</v>
      </c>
      <c r="C35" s="47">
        <v>1163208.5739</v>
      </c>
      <c r="D35" s="47">
        <v>1256707.3165</v>
      </c>
      <c r="E35" s="47">
        <v>1239583.8995999999</v>
      </c>
      <c r="F35" s="47">
        <v>1105173.33</v>
      </c>
      <c r="G35" s="47">
        <v>1082767.73</v>
      </c>
      <c r="H35" s="47">
        <v>1082767.73</v>
      </c>
      <c r="I35" s="47">
        <v>1082767.73</v>
      </c>
      <c r="J35" s="47">
        <v>1082767.73</v>
      </c>
      <c r="K35" s="47">
        <v>1082767.73</v>
      </c>
      <c r="L35" s="47">
        <v>1192767.73</v>
      </c>
      <c r="M35" s="47">
        <v>1163208.5739</v>
      </c>
      <c r="N35" s="47">
        <v>1256707.3165</v>
      </c>
      <c r="O35" s="47">
        <v>1239583.8995999999</v>
      </c>
      <c r="P35" s="47">
        <v>1105173.33</v>
      </c>
      <c r="Q35" s="47">
        <v>1082767.73</v>
      </c>
      <c r="R35" s="47">
        <v>1082767.73</v>
      </c>
      <c r="S35" s="47">
        <v>1082767.73</v>
      </c>
      <c r="T35" s="47">
        <v>1082767.73</v>
      </c>
      <c r="U35" s="47">
        <v>1082767.73</v>
      </c>
      <c r="V35" s="47">
        <v>1055866.4958348435</v>
      </c>
    </row>
    <row r="36" spans="1:22">
      <c r="A36" s="49" t="s">
        <v>75</v>
      </c>
      <c r="B36" s="48">
        <v>4655792.9622270009</v>
      </c>
      <c r="C36" s="48">
        <v>1082767.73</v>
      </c>
      <c r="D36" s="48">
        <v>1082767.73</v>
      </c>
      <c r="E36" s="48">
        <v>1082767.73</v>
      </c>
      <c r="F36" s="48">
        <v>1082767.73</v>
      </c>
      <c r="G36" s="48">
        <v>1082767.73</v>
      </c>
      <c r="H36" s="48">
        <v>1082767.73</v>
      </c>
      <c r="I36" s="48">
        <v>1082767.73</v>
      </c>
      <c r="J36" s="48">
        <v>1082767.73</v>
      </c>
      <c r="K36" s="48">
        <v>1082767.73</v>
      </c>
      <c r="L36" s="48">
        <v>1082767.73</v>
      </c>
      <c r="M36" s="48">
        <v>1082767.73</v>
      </c>
      <c r="N36" s="48">
        <v>1082767.73</v>
      </c>
      <c r="O36" s="48">
        <v>1082767.73</v>
      </c>
      <c r="P36" s="48">
        <v>1082767.73</v>
      </c>
      <c r="Q36" s="48">
        <v>1082767.73</v>
      </c>
      <c r="R36" s="48">
        <v>1082767.73</v>
      </c>
      <c r="S36" s="48">
        <v>1082767.73</v>
      </c>
      <c r="T36" s="48">
        <v>1082767.73</v>
      </c>
      <c r="U36" s="48">
        <v>1082767.73</v>
      </c>
      <c r="V36" s="48">
        <v>1082767.73</v>
      </c>
    </row>
    <row r="37" spans="1:22">
      <c r="A37" s="50" t="s">
        <v>76</v>
      </c>
      <c r="B37" s="42">
        <v>66000</v>
      </c>
      <c r="C37" s="42">
        <v>80440.843899999993</v>
      </c>
      <c r="D37" s="42">
        <v>173939.5865</v>
      </c>
      <c r="E37" s="42">
        <v>156816.16959999999</v>
      </c>
      <c r="F37" s="42">
        <v>22405.599999999999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110000</v>
      </c>
      <c r="M37" s="42">
        <v>80440.843899999993</v>
      </c>
      <c r="N37" s="42">
        <v>173939.5865</v>
      </c>
      <c r="O37" s="42">
        <v>156816.16959999999</v>
      </c>
      <c r="P37" s="42">
        <v>22405.599999999999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6901.234165156526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6901.234165156526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46017.628525</v>
      </c>
      <c r="D41" s="46">
        <v>46017.628525</v>
      </c>
      <c r="E41" s="46">
        <v>46017.628525</v>
      </c>
      <c r="F41" s="46">
        <v>46017.628525</v>
      </c>
      <c r="G41" s="46">
        <v>46017.628525</v>
      </c>
      <c r="H41" s="46">
        <v>46017.628525</v>
      </c>
      <c r="I41" s="46">
        <v>46017.628525</v>
      </c>
      <c r="J41" s="46">
        <v>46017.628525</v>
      </c>
      <c r="K41" s="46">
        <v>46017.628525</v>
      </c>
      <c r="L41" s="46">
        <v>46017.628525</v>
      </c>
      <c r="M41" s="46">
        <v>46017.628525</v>
      </c>
      <c r="N41" s="46">
        <v>46017.628525</v>
      </c>
      <c r="O41" s="46">
        <v>46017.628525</v>
      </c>
      <c r="P41" s="46">
        <v>46017.628525</v>
      </c>
      <c r="Q41" s="46">
        <v>46017.628525</v>
      </c>
      <c r="R41" s="46">
        <v>46017.628525</v>
      </c>
      <c r="S41" s="46">
        <v>46017.628525</v>
      </c>
      <c r="T41" s="46">
        <v>46017.628525</v>
      </c>
      <c r="U41" s="46">
        <v>46017.628525</v>
      </c>
      <c r="V41" s="46">
        <v>3131650.7577762832</v>
      </c>
    </row>
    <row r="42" spans="1:22">
      <c r="A42" s="41" t="s">
        <v>80</v>
      </c>
      <c r="B42" s="41"/>
      <c r="C42" s="47">
        <v>46017.628525</v>
      </c>
      <c r="D42" s="47">
        <v>46017.628525</v>
      </c>
      <c r="E42" s="47">
        <v>46017.628525</v>
      </c>
      <c r="F42" s="47">
        <v>46017.628525</v>
      </c>
      <c r="G42" s="47">
        <v>46017.628525</v>
      </c>
      <c r="H42" s="47">
        <v>46017.628525</v>
      </c>
      <c r="I42" s="47">
        <v>46017.628525</v>
      </c>
      <c r="J42" s="47">
        <v>46017.628525</v>
      </c>
      <c r="K42" s="47">
        <v>46017.628525</v>
      </c>
      <c r="L42" s="47">
        <v>46017.628525</v>
      </c>
      <c r="M42" s="47">
        <v>46017.628525</v>
      </c>
      <c r="N42" s="47">
        <v>46017.628525</v>
      </c>
      <c r="O42" s="47">
        <v>46017.628525</v>
      </c>
      <c r="P42" s="47">
        <v>46017.628525</v>
      </c>
      <c r="Q42" s="47">
        <v>46017.628525</v>
      </c>
      <c r="R42" s="47">
        <v>46017.628525</v>
      </c>
      <c r="S42" s="47">
        <v>46017.628525</v>
      </c>
      <c r="T42" s="47">
        <v>46017.628525</v>
      </c>
      <c r="U42" s="47">
        <v>46017.628525</v>
      </c>
      <c r="V42" s="47">
        <v>3129106.70444295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4753464.2963921567</v>
      </c>
      <c r="C45" s="53">
        <v>340312.46395564143</v>
      </c>
      <c r="D45" s="53">
        <v>332269.81887764152</v>
      </c>
      <c r="E45" s="53">
        <v>433684.94095044158</v>
      </c>
      <c r="F45" s="53">
        <v>638361.44899044128</v>
      </c>
      <c r="G45" s="53">
        <v>734395.25463044143</v>
      </c>
      <c r="H45" s="53">
        <v>560620.04181166447</v>
      </c>
      <c r="I45" s="53">
        <v>548792.14992966445</v>
      </c>
      <c r="J45" s="53">
        <v>538128.65039686428</v>
      </c>
      <c r="K45" s="53">
        <v>536605.0695968644</v>
      </c>
      <c r="L45" s="53">
        <v>434085.06959686446</v>
      </c>
      <c r="M45" s="53">
        <v>474000.05108206457</v>
      </c>
      <c r="N45" s="53">
        <v>392329.2003640646</v>
      </c>
      <c r="O45" s="53">
        <v>420116.1167968646</v>
      </c>
      <c r="P45" s="53">
        <v>551164.41919686424</v>
      </c>
      <c r="Q45" s="53">
        <v>566090.01919686433</v>
      </c>
      <c r="R45" s="53">
        <v>560620.04181166447</v>
      </c>
      <c r="S45" s="53">
        <v>548792.14992966445</v>
      </c>
      <c r="T45" s="53">
        <v>538128.65039686428</v>
      </c>
      <c r="U45" s="53">
        <v>536605.0695968644</v>
      </c>
      <c r="V45" s="53">
        <v>3649139.4330133041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727768.4154473833</v>
      </c>
      <c r="D55" s="60">
        <v>979109.87874738337</v>
      </c>
      <c r="E55" s="60">
        <v>1227026.6586673835</v>
      </c>
      <c r="F55" s="60">
        <v>1448061.3246673835</v>
      </c>
      <c r="G55" s="60">
        <v>1664614.8706673835</v>
      </c>
      <c r="H55" s="60">
        <v>1153511.3035533333</v>
      </c>
      <c r="I55" s="60">
        <v>1118723.3862533332</v>
      </c>
      <c r="J55" s="60">
        <v>1087360.1523333334</v>
      </c>
      <c r="K55" s="60">
        <v>1082879.0323333333</v>
      </c>
      <c r="L55" s="60">
        <v>1104879.0323333333</v>
      </c>
      <c r="M55" s="60">
        <v>1120967.2011133332</v>
      </c>
      <c r="N55" s="60">
        <v>1155755.1184133333</v>
      </c>
      <c r="O55" s="60">
        <v>1187118.3523333333</v>
      </c>
      <c r="P55" s="60">
        <v>1191599.4723333332</v>
      </c>
      <c r="Q55" s="60">
        <v>1169599.4723333332</v>
      </c>
      <c r="R55" s="60">
        <v>1153511.3035533333</v>
      </c>
      <c r="S55" s="60">
        <v>1118723.3862533332</v>
      </c>
      <c r="T55" s="60">
        <v>1087360.1523333334</v>
      </c>
      <c r="U55" s="60">
        <v>1082879.0323333333</v>
      </c>
      <c r="V55" s="61">
        <v>1082879.0323333333</v>
      </c>
    </row>
    <row r="56" spans="1:22">
      <c r="A56" s="62" t="s">
        <v>84</v>
      </c>
      <c r="B56" s="63"/>
      <c r="C56" s="65">
        <v>698368.94433405006</v>
      </c>
      <c r="D56" s="65">
        <v>914922.49033405003</v>
      </c>
      <c r="E56" s="65">
        <v>1131476.0363340501</v>
      </c>
      <c r="F56" s="65">
        <v>1348029.5823340502</v>
      </c>
      <c r="G56" s="65">
        <v>1564583.1283340503</v>
      </c>
      <c r="H56" s="65">
        <v>1082767.73</v>
      </c>
      <c r="I56" s="65">
        <v>1082767.73</v>
      </c>
      <c r="J56" s="65">
        <v>1082767.73</v>
      </c>
      <c r="K56" s="65">
        <v>1082767.73</v>
      </c>
      <c r="L56" s="65">
        <v>1082767.73</v>
      </c>
      <c r="M56" s="65">
        <v>1082767.73</v>
      </c>
      <c r="N56" s="65">
        <v>1082767.73</v>
      </c>
      <c r="O56" s="65">
        <v>1082767.73</v>
      </c>
      <c r="P56" s="65">
        <v>1082767.73</v>
      </c>
      <c r="Q56" s="65">
        <v>1082767.73</v>
      </c>
      <c r="R56" s="65">
        <v>1082767.73</v>
      </c>
      <c r="S56" s="65">
        <v>1082767.73</v>
      </c>
      <c r="T56" s="65">
        <v>1082767.73</v>
      </c>
      <c r="U56" s="65">
        <v>1082767.73</v>
      </c>
      <c r="V56" s="66">
        <v>1082767.73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9288.16878</v>
      </c>
      <c r="D58" s="73">
        <v>64076.086080000001</v>
      </c>
      <c r="E58" s="73">
        <v>95439.32</v>
      </c>
      <c r="F58" s="73">
        <v>99920.44</v>
      </c>
      <c r="G58" s="73">
        <v>99920.44</v>
      </c>
      <c r="H58" s="73">
        <v>70632.271219999995</v>
      </c>
      <c r="I58" s="73">
        <v>35844.35392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72876.086080000008</v>
      </c>
      <c r="O58" s="73">
        <v>104239.31999999999</v>
      </c>
      <c r="P58" s="73">
        <v>108720.44</v>
      </c>
      <c r="Q58" s="73">
        <v>86720.44</v>
      </c>
      <c r="R58" s="73">
        <v>70632.271219999995</v>
      </c>
      <c r="S58" s="73">
        <v>35844.353920000001</v>
      </c>
      <c r="T58" s="73">
        <v>4481.12</v>
      </c>
      <c r="U58" s="73">
        <v>0</v>
      </c>
      <c r="V58" s="74">
        <v>0</v>
      </c>
    </row>
    <row r="91" spans="11:11" ht="12.75">
      <c r="K91" s="161" t="s">
        <v>176</v>
      </c>
    </row>
  </sheetData>
  <pageMargins left="0.19685039370078741" right="0.19685039370078741" top="0.19685039370078741" bottom="0.19685039370078741" header="0.31496062992125984" footer="0.31496062992125984"/>
  <pageSetup paperSize="9" scale="54" fitToWidth="2" orientation="landscape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>
  <sheetPr codeName="Plan21"/>
  <dimension ref="A1:V80"/>
  <sheetViews>
    <sheetView view="pageBreakPreview" topLeftCell="A40" zoomScale="80" zoomScaleNormal="100" zoomScaleSheetLayoutView="80" workbookViewId="0">
      <selection activeCell="K80" sqref="K80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4" customHeight="1">
      <c r="A1" s="158" t="s">
        <v>94</v>
      </c>
    </row>
    <row r="4" spans="1:22" ht="18">
      <c r="A4" s="158" t="s">
        <v>153</v>
      </c>
    </row>
    <row r="5" spans="1:22" ht="15.75">
      <c r="A5" s="166" t="s">
        <v>161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19266.838709676776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5375.71001675681</v>
      </c>
    </row>
    <row r="11" spans="1:22" ht="12.75">
      <c r="A11" s="167" t="s">
        <v>60</v>
      </c>
      <c r="B11" s="168"/>
      <c r="C11" s="175">
        <v>4930.0223699999997</v>
      </c>
    </row>
    <row r="12" spans="1:22" ht="12.75">
      <c r="A12" s="167" t="s">
        <v>61</v>
      </c>
      <c r="B12" s="168"/>
      <c r="C12" s="176">
        <v>10445.687646756811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2312020.6451612134</v>
      </c>
      <c r="D17" s="42">
        <v>2312020.6451612134</v>
      </c>
      <c r="E17" s="42">
        <v>2312020.6451612134</v>
      </c>
      <c r="F17" s="42">
        <v>2312020.6451612134</v>
      </c>
      <c r="G17" s="42">
        <v>2312020.6451612134</v>
      </c>
      <c r="H17" s="42">
        <v>2312020.6451612134</v>
      </c>
      <c r="I17" s="42">
        <v>2312020.6451612134</v>
      </c>
      <c r="J17" s="42">
        <v>2312020.6451612134</v>
      </c>
      <c r="K17" s="42">
        <v>2312020.6451612134</v>
      </c>
      <c r="L17" s="42">
        <v>2312020.6451612134</v>
      </c>
      <c r="M17" s="42">
        <v>2312020.6451612134</v>
      </c>
      <c r="N17" s="42">
        <v>2312020.6451612134</v>
      </c>
      <c r="O17" s="42">
        <v>2312020.6451612134</v>
      </c>
      <c r="P17" s="42">
        <v>2312020.6451612134</v>
      </c>
      <c r="Q17" s="42">
        <v>2312020.6451612134</v>
      </c>
      <c r="R17" s="42">
        <v>2312020.6451612134</v>
      </c>
      <c r="S17" s="42">
        <v>2312020.6451612134</v>
      </c>
      <c r="T17" s="42">
        <v>2312020.6451612134</v>
      </c>
      <c r="U17" s="42">
        <v>2312020.6451612134</v>
      </c>
      <c r="V17" s="42">
        <v>2312020.6451612134</v>
      </c>
    </row>
    <row r="18" spans="1:22">
      <c r="A18" s="45" t="s">
        <v>65</v>
      </c>
      <c r="B18" s="45"/>
      <c r="C18" s="46">
        <v>46240.412903224271</v>
      </c>
      <c r="D18" s="46">
        <v>46240.412903224271</v>
      </c>
      <c r="E18" s="46">
        <v>46240.412903224271</v>
      </c>
      <c r="F18" s="46">
        <v>46240.412903224271</v>
      </c>
      <c r="G18" s="46">
        <v>46240.412903224271</v>
      </c>
      <c r="H18" s="46">
        <v>46240.412903224271</v>
      </c>
      <c r="I18" s="46">
        <v>46240.412903224271</v>
      </c>
      <c r="J18" s="46">
        <v>46240.412903224271</v>
      </c>
      <c r="K18" s="46">
        <v>46240.412903224271</v>
      </c>
      <c r="L18" s="46">
        <v>46240.412903224271</v>
      </c>
      <c r="M18" s="46">
        <v>46240.412903224271</v>
      </c>
      <c r="N18" s="46">
        <v>46240.412903224271</v>
      </c>
      <c r="O18" s="46">
        <v>46240.412903224271</v>
      </c>
      <c r="P18" s="46">
        <v>46240.412903224271</v>
      </c>
      <c r="Q18" s="46">
        <v>46240.412903224271</v>
      </c>
      <c r="R18" s="46">
        <v>46240.412903224271</v>
      </c>
      <c r="S18" s="46">
        <v>46240.412903224271</v>
      </c>
      <c r="T18" s="46">
        <v>46240.412903224271</v>
      </c>
      <c r="U18" s="46">
        <v>46240.412903224271</v>
      </c>
      <c r="V18" s="46">
        <v>46240.412903224271</v>
      </c>
    </row>
    <row r="19" spans="1:22">
      <c r="A19" s="41" t="s">
        <v>66</v>
      </c>
      <c r="B19" s="41"/>
      <c r="C19" s="47">
        <v>2265780.2322579892</v>
      </c>
      <c r="D19" s="47">
        <v>2265780.2322579892</v>
      </c>
      <c r="E19" s="47">
        <v>2265780.2322579892</v>
      </c>
      <c r="F19" s="47">
        <v>2265780.2322579892</v>
      </c>
      <c r="G19" s="47">
        <v>2265780.2322579892</v>
      </c>
      <c r="H19" s="47">
        <v>2265780.2322579892</v>
      </c>
      <c r="I19" s="47">
        <v>2265780.2322579892</v>
      </c>
      <c r="J19" s="47">
        <v>2265780.2322579892</v>
      </c>
      <c r="K19" s="47">
        <v>2265780.2322579892</v>
      </c>
      <c r="L19" s="47">
        <v>2265780.2322579892</v>
      </c>
      <c r="M19" s="47">
        <v>2265780.2322579892</v>
      </c>
      <c r="N19" s="47">
        <v>2265780.2322579892</v>
      </c>
      <c r="O19" s="47">
        <v>2265780.2322579892</v>
      </c>
      <c r="P19" s="47">
        <v>2265780.2322579892</v>
      </c>
      <c r="Q19" s="47">
        <v>2265780.2322579892</v>
      </c>
      <c r="R19" s="47">
        <v>2265780.2322579892</v>
      </c>
      <c r="S19" s="47">
        <v>2265780.2322579892</v>
      </c>
      <c r="T19" s="47">
        <v>2265780.2322579892</v>
      </c>
      <c r="U19" s="47">
        <v>2265780.2322579892</v>
      </c>
      <c r="V19" s="47">
        <v>2265780.2322579892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852088.4020108173</v>
      </c>
      <c r="D21" s="46">
        <v>1852088.4020108173</v>
      </c>
      <c r="E21" s="46">
        <v>1852088.4020108173</v>
      </c>
      <c r="F21" s="46">
        <v>1859491.2020108174</v>
      </c>
      <c r="G21" s="46">
        <v>1859491.2020108174</v>
      </c>
      <c r="H21" s="46">
        <v>1859491.2020108174</v>
      </c>
      <c r="I21" s="46">
        <v>1859491.2020108174</v>
      </c>
      <c r="J21" s="46">
        <v>1859491.2020108174</v>
      </c>
      <c r="K21" s="46">
        <v>1859491.2020108174</v>
      </c>
      <c r="L21" s="46">
        <v>1859491.2020108174</v>
      </c>
      <c r="M21" s="48">
        <v>1852088.4020108173</v>
      </c>
      <c r="N21" s="48">
        <v>1852088.4020108173</v>
      </c>
      <c r="O21" s="48">
        <v>1852088.4020108173</v>
      </c>
      <c r="P21" s="48">
        <v>1859491.2020108174</v>
      </c>
      <c r="Q21" s="48">
        <v>1859491.2020108174</v>
      </c>
      <c r="R21" s="48">
        <v>1859491.2020108174</v>
      </c>
      <c r="S21" s="48">
        <v>1859491.2020108174</v>
      </c>
      <c r="T21" s="48">
        <v>1859491.2020108174</v>
      </c>
      <c r="U21" s="48">
        <v>1859491.2020108174</v>
      </c>
      <c r="V21" s="48">
        <v>1859491.2020108174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76">
        <v>35055.865828333335</v>
      </c>
      <c r="D23" s="76">
        <v>59630.09932833333</v>
      </c>
      <c r="E23" s="76">
        <v>73165.497048333331</v>
      </c>
      <c r="F23" s="76">
        <v>75406.057048333329</v>
      </c>
      <c r="G23" s="76">
        <v>75406.057048333329</v>
      </c>
      <c r="H23" s="76">
        <v>52717.888268333336</v>
      </c>
      <c r="I23" s="76">
        <v>28143.654768333334</v>
      </c>
      <c r="J23" s="76">
        <v>14608.257048333333</v>
      </c>
      <c r="K23" s="76">
        <v>12367.697048333333</v>
      </c>
      <c r="L23" s="76">
        <v>23367.697048333335</v>
      </c>
      <c r="M23" s="76">
        <v>39455.865828333335</v>
      </c>
      <c r="N23" s="76">
        <v>799168.70461333334</v>
      </c>
      <c r="O23" s="76">
        <v>812704.10233333334</v>
      </c>
      <c r="P23" s="76">
        <v>814944.66233333328</v>
      </c>
      <c r="Q23" s="76">
        <v>803944.66233333328</v>
      </c>
      <c r="R23" s="76">
        <v>787856.49355333333</v>
      </c>
      <c r="S23" s="76">
        <v>763282.26005333324</v>
      </c>
      <c r="T23" s="76">
        <v>749746.86233333335</v>
      </c>
      <c r="U23" s="76">
        <v>747506.3023333333</v>
      </c>
      <c r="V23" s="76">
        <v>747506.3023333333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378635.96441883862</v>
      </c>
      <c r="D25" s="48">
        <v>354061.73091883858</v>
      </c>
      <c r="E25" s="48">
        <v>340526.33319883858</v>
      </c>
      <c r="F25" s="48">
        <v>330882.97319883853</v>
      </c>
      <c r="G25" s="48">
        <v>330882.97319883853</v>
      </c>
      <c r="H25" s="48">
        <v>353571.14197883854</v>
      </c>
      <c r="I25" s="48">
        <v>378145.37547883857</v>
      </c>
      <c r="J25" s="48">
        <v>391680.77319883852</v>
      </c>
      <c r="K25" s="48">
        <v>393921.33319883852</v>
      </c>
      <c r="L25" s="48">
        <v>382921.33319883852</v>
      </c>
      <c r="M25" s="48">
        <v>374235.96441883862</v>
      </c>
      <c r="N25" s="48">
        <v>-385476.87436616141</v>
      </c>
      <c r="O25" s="48">
        <v>-399012.27208616142</v>
      </c>
      <c r="P25" s="48">
        <v>-408655.63208616141</v>
      </c>
      <c r="Q25" s="48">
        <v>-397655.63208616141</v>
      </c>
      <c r="R25" s="48">
        <v>-381567.46330616146</v>
      </c>
      <c r="S25" s="48">
        <v>-356993.22980616137</v>
      </c>
      <c r="T25" s="48">
        <v>-343457.83208616148</v>
      </c>
      <c r="U25" s="48">
        <v>-341217.27208616142</v>
      </c>
      <c r="V25" s="48">
        <v>-341217.27208616142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28736.22790240514</v>
      </c>
      <c r="D27" s="42">
        <v>120380.98851240512</v>
      </c>
      <c r="E27" s="42">
        <v>115778.95328760512</v>
      </c>
      <c r="F27" s="42">
        <v>112500.21088760511</v>
      </c>
      <c r="G27" s="42">
        <v>112500.21088760511</v>
      </c>
      <c r="H27" s="42">
        <v>120214.18827280511</v>
      </c>
      <c r="I27" s="42">
        <v>128569.42766280513</v>
      </c>
      <c r="J27" s="42">
        <v>133171.4628876051</v>
      </c>
      <c r="K27" s="42">
        <v>133933.2532876051</v>
      </c>
      <c r="L27" s="42">
        <v>130193.25328760511</v>
      </c>
      <c r="M27" s="42">
        <v>127240.22790240514</v>
      </c>
      <c r="N27" s="42">
        <v>0</v>
      </c>
      <c r="O27" s="42">
        <v>0</v>
      </c>
      <c r="P27" s="42">
        <v>0</v>
      </c>
      <c r="Q27" s="42">
        <v>0</v>
      </c>
      <c r="R27" s="42">
        <v>0</v>
      </c>
      <c r="S27" s="42">
        <v>0</v>
      </c>
      <c r="T27" s="42">
        <v>0</v>
      </c>
      <c r="U27" s="42">
        <v>0</v>
      </c>
      <c r="V27" s="42">
        <v>0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249899.73651643348</v>
      </c>
      <c r="D29" s="48">
        <v>233680.74240643345</v>
      </c>
      <c r="E29" s="48">
        <v>224747.37991123344</v>
      </c>
      <c r="F29" s="48">
        <v>218382.76231123344</v>
      </c>
      <c r="G29" s="48">
        <v>218382.76231123344</v>
      </c>
      <c r="H29" s="48">
        <v>233356.95370603341</v>
      </c>
      <c r="I29" s="48">
        <v>249575.94781603344</v>
      </c>
      <c r="J29" s="48">
        <v>258509.31031123342</v>
      </c>
      <c r="K29" s="48">
        <v>259988.07991123342</v>
      </c>
      <c r="L29" s="48">
        <v>252728.07991123339</v>
      </c>
      <c r="M29" s="48">
        <v>246995.73651643348</v>
      </c>
      <c r="N29" s="48">
        <v>-385476.87436616141</v>
      </c>
      <c r="O29" s="48">
        <v>-399012.27208616142</v>
      </c>
      <c r="P29" s="48">
        <v>-408655.63208616141</v>
      </c>
      <c r="Q29" s="48">
        <v>-397655.63208616141</v>
      </c>
      <c r="R29" s="48">
        <v>-381567.46330616146</v>
      </c>
      <c r="S29" s="48">
        <v>-356993.22980616137</v>
      </c>
      <c r="T29" s="48">
        <v>-343457.83208616148</v>
      </c>
      <c r="U29" s="48">
        <v>-341217.27208616142</v>
      </c>
      <c r="V29" s="48">
        <v>-341217.27208616142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35055.865828333335</v>
      </c>
      <c r="D31" s="42">
        <v>59630.09932833333</v>
      </c>
      <c r="E31" s="42">
        <v>73165.497048333331</v>
      </c>
      <c r="F31" s="42">
        <v>75406.057048333329</v>
      </c>
      <c r="G31" s="42">
        <v>75406.057048333329</v>
      </c>
      <c r="H31" s="42">
        <v>52717.888268333336</v>
      </c>
      <c r="I31" s="42">
        <v>28143.654768333334</v>
      </c>
      <c r="J31" s="42">
        <v>14608.257048333333</v>
      </c>
      <c r="K31" s="42">
        <v>12367.697048333333</v>
      </c>
      <c r="L31" s="42">
        <v>23367.697048333335</v>
      </c>
      <c r="M31" s="42">
        <v>39455.865828333335</v>
      </c>
      <c r="N31" s="42">
        <v>799168.70461333334</v>
      </c>
      <c r="O31" s="42">
        <v>812704.10233333334</v>
      </c>
      <c r="P31" s="42">
        <v>814944.66233333328</v>
      </c>
      <c r="Q31" s="42">
        <v>803944.66233333328</v>
      </c>
      <c r="R31" s="42">
        <v>787856.49355333333</v>
      </c>
      <c r="S31" s="42">
        <v>763282.26005333324</v>
      </c>
      <c r="T31" s="42">
        <v>749746.86233333335</v>
      </c>
      <c r="U31" s="42">
        <v>747506.3023333333</v>
      </c>
      <c r="V31" s="42">
        <v>747506.3023333333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284955.60234476684</v>
      </c>
      <c r="D33" s="48">
        <v>293310.84173476679</v>
      </c>
      <c r="E33" s="48">
        <v>297912.87695956678</v>
      </c>
      <c r="F33" s="48">
        <v>293788.81935956678</v>
      </c>
      <c r="G33" s="48">
        <v>293788.81935956678</v>
      </c>
      <c r="H33" s="48">
        <v>286074.84197436675</v>
      </c>
      <c r="I33" s="48">
        <v>277719.6025843668</v>
      </c>
      <c r="J33" s="48">
        <v>273117.56735956675</v>
      </c>
      <c r="K33" s="48">
        <v>272355.77695956675</v>
      </c>
      <c r="L33" s="48">
        <v>276095.77695956675</v>
      </c>
      <c r="M33" s="48">
        <v>286451.60234476684</v>
      </c>
      <c r="N33" s="48">
        <v>413691.83024717192</v>
      </c>
      <c r="O33" s="48">
        <v>413691.83024717192</v>
      </c>
      <c r="P33" s="48">
        <v>406289.03024717188</v>
      </c>
      <c r="Q33" s="48">
        <v>406289.03024717188</v>
      </c>
      <c r="R33" s="48">
        <v>406289.03024717188</v>
      </c>
      <c r="S33" s="48">
        <v>406289.03024717188</v>
      </c>
      <c r="T33" s="48">
        <v>406289.03024717188</v>
      </c>
      <c r="U33" s="48">
        <v>406289.03024717188</v>
      </c>
      <c r="V33" s="48">
        <v>406289.03024717188</v>
      </c>
    </row>
    <row r="34" spans="1:22">
      <c r="A34" s="41"/>
      <c r="B34" s="42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197961.51586514819</v>
      </c>
      <c r="C35" s="47">
        <v>80440.843899999993</v>
      </c>
      <c r="D35" s="47">
        <v>122871.1675</v>
      </c>
      <c r="E35" s="47">
        <v>67676.988600000012</v>
      </c>
      <c r="F35" s="47">
        <v>11202.8</v>
      </c>
      <c r="G35" s="47">
        <v>0</v>
      </c>
      <c r="H35" s="47">
        <v>0</v>
      </c>
      <c r="I35" s="47">
        <v>0</v>
      </c>
      <c r="J35" s="47">
        <v>0</v>
      </c>
      <c r="K35" s="47">
        <v>0</v>
      </c>
      <c r="L35" s="47">
        <v>55000</v>
      </c>
      <c r="M35" s="47">
        <v>80440.843899999993</v>
      </c>
      <c r="N35" s="47">
        <v>6849426.1675000004</v>
      </c>
      <c r="O35" s="47">
        <v>67676.988600000012</v>
      </c>
      <c r="P35" s="47">
        <v>11202.8</v>
      </c>
      <c r="Q35" s="47">
        <v>0</v>
      </c>
      <c r="R35" s="47">
        <v>0</v>
      </c>
      <c r="S35" s="47">
        <v>0</v>
      </c>
      <c r="T35" s="47">
        <v>0</v>
      </c>
      <c r="U35" s="47">
        <v>0</v>
      </c>
      <c r="V35" s="47">
        <v>-25371.074000148183</v>
      </c>
    </row>
    <row r="36" spans="1:22">
      <c r="A36" s="49" t="s">
        <v>75</v>
      </c>
      <c r="B36" s="48">
        <v>134820.34186499999</v>
      </c>
      <c r="C36" s="48"/>
      <c r="D36" s="48"/>
      <c r="E36" s="48"/>
      <c r="F36" s="48"/>
      <c r="G36" s="48"/>
      <c r="H36" s="48"/>
      <c r="I36" s="48"/>
      <c r="J36" s="48"/>
      <c r="K36" s="48"/>
      <c r="L36" s="48"/>
      <c r="M36" s="48"/>
      <c r="N36" s="48">
        <v>6726555</v>
      </c>
      <c r="O36" s="48"/>
      <c r="P36" s="48"/>
      <c r="Q36" s="48"/>
      <c r="R36" s="48"/>
      <c r="S36" s="48"/>
      <c r="T36" s="48"/>
      <c r="U36" s="48"/>
      <c r="V36" s="48"/>
    </row>
    <row r="37" spans="1:22">
      <c r="A37" s="50" t="s">
        <v>76</v>
      </c>
      <c r="B37" s="42">
        <v>33000</v>
      </c>
      <c r="C37" s="42">
        <v>80440.843899999993</v>
      </c>
      <c r="D37" s="42">
        <v>122871.1675</v>
      </c>
      <c r="E37" s="42">
        <v>67676.98860000001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22871.1675</v>
      </c>
      <c r="O37" s="42">
        <v>67676.98860000001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46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5371.074000148183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5371.074000148183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0</v>
      </c>
      <c r="D41" s="46">
        <v>0</v>
      </c>
      <c r="E41" s="46">
        <v>0</v>
      </c>
      <c r="F41" s="46">
        <v>0</v>
      </c>
      <c r="G41" s="46">
        <v>0</v>
      </c>
      <c r="H41" s="46">
        <v>0</v>
      </c>
      <c r="I41" s="46">
        <v>0</v>
      </c>
      <c r="J41" s="46">
        <v>0</v>
      </c>
      <c r="K41" s="46">
        <v>0</v>
      </c>
      <c r="L41" s="46">
        <v>0</v>
      </c>
      <c r="M41" s="46">
        <v>0</v>
      </c>
      <c r="N41" s="46">
        <v>0</v>
      </c>
      <c r="O41" s="46">
        <v>0</v>
      </c>
      <c r="P41" s="46">
        <v>0</v>
      </c>
      <c r="Q41" s="46">
        <v>0</v>
      </c>
      <c r="R41" s="46">
        <v>0</v>
      </c>
      <c r="S41" s="46">
        <v>0</v>
      </c>
      <c r="T41" s="46">
        <v>0</v>
      </c>
      <c r="U41" s="46">
        <v>0</v>
      </c>
      <c r="V41" s="46">
        <v>2544.0533333333337</v>
      </c>
    </row>
    <row r="42" spans="1:22">
      <c r="A42" s="41" t="s">
        <v>80</v>
      </c>
      <c r="B42" s="41"/>
      <c r="C42" s="47">
        <v>0</v>
      </c>
      <c r="D42" s="47">
        <v>0</v>
      </c>
      <c r="E42" s="47">
        <v>0</v>
      </c>
      <c r="F42" s="47">
        <v>0</v>
      </c>
      <c r="G42" s="47">
        <v>0</v>
      </c>
      <c r="H42" s="47">
        <v>0</v>
      </c>
      <c r="I42" s="47">
        <v>0</v>
      </c>
      <c r="J42" s="47">
        <v>0</v>
      </c>
      <c r="K42" s="47">
        <v>0</v>
      </c>
      <c r="L42" s="47">
        <v>0</v>
      </c>
      <c r="M42" s="47">
        <v>0</v>
      </c>
      <c r="N42" s="47">
        <v>0</v>
      </c>
      <c r="O42" s="47">
        <v>0</v>
      </c>
      <c r="P42" s="47">
        <v>0</v>
      </c>
      <c r="Q42" s="47">
        <v>0</v>
      </c>
      <c r="R42" s="47">
        <v>0</v>
      </c>
      <c r="S42" s="47">
        <v>0</v>
      </c>
      <c r="T42" s="47">
        <v>0</v>
      </c>
      <c r="U42" s="47">
        <v>0</v>
      </c>
      <c r="V42" s="47">
        <v>0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197961.51586514819</v>
      </c>
      <c r="C45" s="53">
        <v>204514.75844476686</v>
      </c>
      <c r="D45" s="53">
        <v>170439.6742347668</v>
      </c>
      <c r="E45" s="53">
        <v>230235.88835956677</v>
      </c>
      <c r="F45" s="53">
        <v>282586.0193595668</v>
      </c>
      <c r="G45" s="53">
        <v>293788.81935956678</v>
      </c>
      <c r="H45" s="53">
        <v>286074.84197436675</v>
      </c>
      <c r="I45" s="53">
        <v>277719.6025843668</v>
      </c>
      <c r="J45" s="53">
        <v>273117.56735956675</v>
      </c>
      <c r="K45" s="53">
        <v>272355.77695956675</v>
      </c>
      <c r="L45" s="53">
        <v>221095.77695956675</v>
      </c>
      <c r="M45" s="53">
        <v>206010.75844476686</v>
      </c>
      <c r="N45" s="53">
        <v>-6435734.3372528283</v>
      </c>
      <c r="O45" s="53">
        <v>346014.84164717188</v>
      </c>
      <c r="P45" s="53">
        <v>395086.23024717189</v>
      </c>
      <c r="Q45" s="53">
        <v>406289.03024717188</v>
      </c>
      <c r="R45" s="53">
        <v>406289.03024717188</v>
      </c>
      <c r="S45" s="53">
        <v>406289.03024717188</v>
      </c>
      <c r="T45" s="53">
        <v>406289.03024717188</v>
      </c>
      <c r="U45" s="53">
        <v>406289.03024717188</v>
      </c>
      <c r="V45" s="53">
        <v>434204.15758065338</v>
      </c>
    </row>
    <row r="46" spans="1:22">
      <c r="A46" s="41"/>
      <c r="B46" s="41"/>
      <c r="C46" s="56"/>
      <c r="D46" s="56"/>
      <c r="E46" s="56"/>
      <c r="F46" s="56"/>
      <c r="G46" s="56"/>
      <c r="H46" s="56"/>
      <c r="I46" s="56"/>
      <c r="J46" s="56"/>
      <c r="K46" s="56"/>
      <c r="L46" s="56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7"/>
      <c r="C48" s="47"/>
      <c r="D48" s="47"/>
      <c r="E48" s="47"/>
      <c r="F48" s="47"/>
      <c r="G48" s="47"/>
      <c r="H48" s="47"/>
      <c r="I48" s="47"/>
      <c r="J48" s="47"/>
      <c r="K48" s="47"/>
      <c r="L48" s="47"/>
      <c r="M48" s="47"/>
      <c r="N48" s="47"/>
      <c r="O48" s="47"/>
      <c r="P48" s="47"/>
      <c r="Q48" s="47"/>
      <c r="R48" s="47"/>
      <c r="S48" s="47"/>
      <c r="T48" s="47"/>
      <c r="U48" s="47"/>
      <c r="V48" s="47"/>
    </row>
    <row r="49" spans="1:22" ht="12" thickBot="1"/>
    <row r="50" spans="1:22" ht="16.5" thickBot="1">
      <c r="A50" s="178" t="s">
        <v>57</v>
      </c>
      <c r="B50" s="179">
        <v>9.8500000000000004E-2</v>
      </c>
      <c r="C50" s="55"/>
      <c r="D50" s="41"/>
      <c r="E50" s="41"/>
      <c r="F50" s="41"/>
      <c r="G50" s="41"/>
      <c r="H50" s="42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7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2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35055.865828333335</v>
      </c>
      <c r="D55" s="59">
        <v>59630.09932833333</v>
      </c>
      <c r="E55" s="59">
        <v>73165.497048333331</v>
      </c>
      <c r="F55" s="59">
        <v>75406.057048333329</v>
      </c>
      <c r="G55" s="59">
        <v>75406.057048333329</v>
      </c>
      <c r="H55" s="59">
        <v>52717.888268333336</v>
      </c>
      <c r="I55" s="59">
        <v>28143.654768333334</v>
      </c>
      <c r="J55" s="59">
        <v>14608.257048333333</v>
      </c>
      <c r="K55" s="59">
        <v>12367.697048333333</v>
      </c>
      <c r="L55" s="59">
        <v>23367.697048333335</v>
      </c>
      <c r="M55" s="59">
        <v>39455.865828333335</v>
      </c>
      <c r="N55" s="59">
        <v>799168.70461333334</v>
      </c>
      <c r="O55" s="59">
        <v>812704.10233333334</v>
      </c>
      <c r="P55" s="59">
        <v>814944.66233333328</v>
      </c>
      <c r="Q55" s="59">
        <v>803944.66233333328</v>
      </c>
      <c r="R55" s="59">
        <v>787856.49355333333</v>
      </c>
      <c r="S55" s="59">
        <v>763282.26005333324</v>
      </c>
      <c r="T55" s="59">
        <v>749746.86233333335</v>
      </c>
      <c r="U55" s="59">
        <v>747506.3023333333</v>
      </c>
      <c r="V55" s="59">
        <v>747506.3023333333</v>
      </c>
    </row>
    <row r="56" spans="1:22">
      <c r="A56" s="62" t="s">
        <v>84</v>
      </c>
      <c r="B56" s="63"/>
      <c r="C56" s="65">
        <v>12256.394715</v>
      </c>
      <c r="D56" s="65">
        <v>12256.394715</v>
      </c>
      <c r="E56" s="65">
        <v>12256.394715</v>
      </c>
      <c r="F56" s="65">
        <v>12256.394715</v>
      </c>
      <c r="G56" s="65">
        <v>12256.394715</v>
      </c>
      <c r="H56" s="65">
        <v>12256.394715</v>
      </c>
      <c r="I56" s="65">
        <v>12256.394715</v>
      </c>
      <c r="J56" s="65">
        <v>12256.394715</v>
      </c>
      <c r="K56" s="65">
        <v>12256.394715</v>
      </c>
      <c r="L56" s="65">
        <v>12256.394715</v>
      </c>
      <c r="M56" s="65">
        <v>12256.394715</v>
      </c>
      <c r="N56" s="65">
        <v>747395</v>
      </c>
      <c r="O56" s="65">
        <v>747395</v>
      </c>
      <c r="P56" s="65">
        <v>747395</v>
      </c>
      <c r="Q56" s="65">
        <v>747395</v>
      </c>
      <c r="R56" s="65">
        <v>747395</v>
      </c>
      <c r="S56" s="65">
        <v>747395</v>
      </c>
      <c r="T56" s="65">
        <v>747395</v>
      </c>
      <c r="U56" s="65">
        <v>747395</v>
      </c>
      <c r="V56" s="66">
        <v>747395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0" spans="11:11" ht="12.75">
      <c r="K80" s="161" t="s">
        <v>177</v>
      </c>
    </row>
  </sheetData>
  <pageMargins left="0.28000000000000003" right="0.51181102362204722" top="0.34" bottom="0.78740157480314965" header="0.31496062992125984" footer="0.31496062992125984"/>
  <pageSetup paperSize="9" scale="55" orientation="landscape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>
  <sheetPr codeName="Plan23"/>
  <dimension ref="A1:W99"/>
  <sheetViews>
    <sheetView view="pageBreakPreview" topLeftCell="A61" zoomScale="80" zoomScaleNormal="100" zoomScaleSheetLayoutView="80" zoomScalePageLayoutView="70" workbookViewId="0">
      <selection activeCell="K99" sqref="K99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58" t="s">
        <v>141</v>
      </c>
    </row>
    <row r="4" spans="1:22" ht="18">
      <c r="A4" s="158" t="s">
        <v>153</v>
      </c>
    </row>
    <row r="5" spans="1:22" ht="15.75">
      <c r="A5" s="166" t="s">
        <v>162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21547.673306773358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6825.170658756811</v>
      </c>
    </row>
    <row r="11" spans="1:22" ht="12.75">
      <c r="A11" s="167" t="s">
        <v>60</v>
      </c>
      <c r="B11" s="168"/>
      <c r="C11" s="175">
        <v>6379.4830119999997</v>
      </c>
    </row>
    <row r="12" spans="1:22" ht="12.75">
      <c r="A12" s="167" t="s">
        <v>61</v>
      </c>
      <c r="B12" s="168"/>
      <c r="C12" s="176">
        <v>10445.687646756811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3">
      <c r="A17" s="41" t="s">
        <v>64</v>
      </c>
      <c r="B17" s="41"/>
      <c r="C17" s="42">
        <v>2585720.796812803</v>
      </c>
      <c r="D17" s="42">
        <v>2585720.796812803</v>
      </c>
      <c r="E17" s="42">
        <v>2585720.796812803</v>
      </c>
      <c r="F17" s="42">
        <v>2585720.796812803</v>
      </c>
      <c r="G17" s="42">
        <v>2585720.796812803</v>
      </c>
      <c r="H17" s="42">
        <v>2585720.796812803</v>
      </c>
      <c r="I17" s="42">
        <v>2585720.796812803</v>
      </c>
      <c r="J17" s="42">
        <v>2585720.796812803</v>
      </c>
      <c r="K17" s="42">
        <v>2585720.796812803</v>
      </c>
      <c r="L17" s="42">
        <v>2585720.796812803</v>
      </c>
      <c r="M17" s="42">
        <v>2585720.796812803</v>
      </c>
      <c r="N17" s="42">
        <v>2585720.796812803</v>
      </c>
      <c r="O17" s="42">
        <v>2585720.796812803</v>
      </c>
      <c r="P17" s="42">
        <v>2585720.796812803</v>
      </c>
      <c r="Q17" s="42">
        <v>2585720.796812803</v>
      </c>
      <c r="R17" s="42">
        <v>2585720.796812803</v>
      </c>
      <c r="S17" s="42">
        <v>2585720.796812803</v>
      </c>
      <c r="T17" s="42">
        <v>2585720.796812803</v>
      </c>
      <c r="U17" s="42">
        <v>2585720.796812803</v>
      </c>
      <c r="V17" s="42">
        <v>2585720.796812803</v>
      </c>
    </row>
    <row r="18" spans="1:23">
      <c r="A18" s="45" t="s">
        <v>65</v>
      </c>
      <c r="B18" s="45"/>
      <c r="C18" s="46">
        <v>51714.41593625606</v>
      </c>
      <c r="D18" s="46">
        <v>51714.41593625606</v>
      </c>
      <c r="E18" s="46">
        <v>51714.41593625606</v>
      </c>
      <c r="F18" s="46">
        <v>51714.41593625606</v>
      </c>
      <c r="G18" s="46">
        <v>51714.41593625606</v>
      </c>
      <c r="H18" s="46">
        <v>51714.41593625606</v>
      </c>
      <c r="I18" s="46">
        <v>51714.41593625606</v>
      </c>
      <c r="J18" s="46">
        <v>51714.41593625606</v>
      </c>
      <c r="K18" s="46">
        <v>51714.41593625606</v>
      </c>
      <c r="L18" s="46">
        <v>51714.41593625606</v>
      </c>
      <c r="M18" s="46">
        <v>51714.41593625606</v>
      </c>
      <c r="N18" s="46">
        <v>51714.41593625606</v>
      </c>
      <c r="O18" s="46">
        <v>51714.41593625606</v>
      </c>
      <c r="P18" s="46">
        <v>51714.41593625606</v>
      </c>
      <c r="Q18" s="46">
        <v>51714.41593625606</v>
      </c>
      <c r="R18" s="46">
        <v>51714.41593625606</v>
      </c>
      <c r="S18" s="46">
        <v>51714.41593625606</v>
      </c>
      <c r="T18" s="46">
        <v>51714.41593625606</v>
      </c>
      <c r="U18" s="46">
        <v>51714.41593625606</v>
      </c>
      <c r="V18" s="46">
        <v>51714.41593625606</v>
      </c>
    </row>
    <row r="19" spans="1:23">
      <c r="A19" s="41" t="s">
        <v>66</v>
      </c>
      <c r="B19" s="41"/>
      <c r="C19" s="47">
        <v>2534006.3808765467</v>
      </c>
      <c r="D19" s="47">
        <v>2534006.3808765467</v>
      </c>
      <c r="E19" s="47">
        <v>2534006.3808765467</v>
      </c>
      <c r="F19" s="47">
        <v>2534006.3808765467</v>
      </c>
      <c r="G19" s="47">
        <v>2534006.3808765467</v>
      </c>
      <c r="H19" s="47">
        <v>2534006.3808765467</v>
      </c>
      <c r="I19" s="47">
        <v>2534006.3808765467</v>
      </c>
      <c r="J19" s="47">
        <v>2534006.3808765467</v>
      </c>
      <c r="K19" s="47">
        <v>2534006.3808765467</v>
      </c>
      <c r="L19" s="47">
        <v>2534006.3808765467</v>
      </c>
      <c r="M19" s="47">
        <v>2534006.3808765467</v>
      </c>
      <c r="N19" s="47">
        <v>2534006.3808765467</v>
      </c>
      <c r="O19" s="47">
        <v>2534006.3808765467</v>
      </c>
      <c r="P19" s="47">
        <v>2534006.3808765467</v>
      </c>
      <c r="Q19" s="47">
        <v>2534006.3808765467</v>
      </c>
      <c r="R19" s="47">
        <v>2534006.3808765467</v>
      </c>
      <c r="S19" s="47">
        <v>2534006.3808765467</v>
      </c>
      <c r="T19" s="47">
        <v>2534006.3808765467</v>
      </c>
      <c r="U19" s="47">
        <v>2534006.3808765467</v>
      </c>
      <c r="V19" s="47">
        <v>2534006.3808765467</v>
      </c>
    </row>
    <row r="20" spans="1:23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3">
      <c r="A21" s="45" t="s">
        <v>67</v>
      </c>
      <c r="B21" s="45"/>
      <c r="C21" s="46">
        <v>2026023.6790508172</v>
      </c>
      <c r="D21" s="46">
        <v>2026023.6790508172</v>
      </c>
      <c r="E21" s="46">
        <v>2026023.6790508172</v>
      </c>
      <c r="F21" s="46">
        <v>2033426.4790508172</v>
      </c>
      <c r="G21" s="46">
        <v>2033426.4790508172</v>
      </c>
      <c r="H21" s="46">
        <v>2033426.4790508172</v>
      </c>
      <c r="I21" s="46">
        <v>2033426.4790508172</v>
      </c>
      <c r="J21" s="46">
        <v>2033426.4790508172</v>
      </c>
      <c r="K21" s="46">
        <v>2033426.4790508172</v>
      </c>
      <c r="L21" s="46">
        <v>2033426.4790508172</v>
      </c>
      <c r="M21" s="48">
        <v>2026023.6790508172</v>
      </c>
      <c r="N21" s="48">
        <v>2026023.6790508172</v>
      </c>
      <c r="O21" s="48">
        <v>2026023.6790508172</v>
      </c>
      <c r="P21" s="48">
        <v>2033426.4790508172</v>
      </c>
      <c r="Q21" s="48">
        <v>2033426.4790508172</v>
      </c>
      <c r="R21" s="48">
        <v>2033426.4790508172</v>
      </c>
      <c r="S21" s="48">
        <v>2033426.4790508172</v>
      </c>
      <c r="T21" s="48">
        <v>2033426.4790508172</v>
      </c>
      <c r="U21" s="48">
        <v>2033426.4790508172</v>
      </c>
      <c r="V21" s="48">
        <v>2033426.4790508172</v>
      </c>
    </row>
    <row r="22" spans="1:23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3">
      <c r="A23" s="41" t="s">
        <v>68</v>
      </c>
      <c r="B23" s="41"/>
      <c r="C23" s="76">
        <v>29712.655513333331</v>
      </c>
      <c r="D23" s="76">
        <v>54286.889013333326</v>
      </c>
      <c r="E23" s="76">
        <v>67822.286733333327</v>
      </c>
      <c r="F23" s="76">
        <v>70062.846733333325</v>
      </c>
      <c r="G23" s="76">
        <v>70062.846733333325</v>
      </c>
      <c r="H23" s="76">
        <v>47374.677953333332</v>
      </c>
      <c r="I23" s="76">
        <v>22800.444453333334</v>
      </c>
      <c r="J23" s="76">
        <v>9265.0467333333327</v>
      </c>
      <c r="K23" s="76">
        <v>7024.4867333333323</v>
      </c>
      <c r="L23" s="76">
        <v>18024.486733333331</v>
      </c>
      <c r="M23" s="76">
        <v>34112.655513333331</v>
      </c>
      <c r="N23" s="76">
        <v>1019267.7046133333</v>
      </c>
      <c r="O23" s="76">
        <v>1032803.1023333333</v>
      </c>
      <c r="P23" s="76">
        <v>1035043.6623333333</v>
      </c>
      <c r="Q23" s="76">
        <v>1024043.6623333333</v>
      </c>
      <c r="R23" s="76">
        <v>1007955.4935533333</v>
      </c>
      <c r="S23" s="76">
        <v>983381.26005333324</v>
      </c>
      <c r="T23" s="76">
        <v>969845.86233333335</v>
      </c>
      <c r="U23" s="76">
        <v>967605.3023333333</v>
      </c>
      <c r="V23" s="76">
        <v>967605.3023333333</v>
      </c>
    </row>
    <row r="24" spans="1:23">
      <c r="A24" s="41"/>
      <c r="B24" s="41"/>
      <c r="C24" s="42"/>
      <c r="D24" s="42"/>
      <c r="E24" s="42"/>
      <c r="F24" s="42"/>
      <c r="G24" s="42"/>
      <c r="H24" s="42"/>
      <c r="I24" s="42"/>
      <c r="J24" s="42"/>
      <c r="K24" s="42"/>
      <c r="L24" s="42"/>
      <c r="M24" s="42"/>
      <c r="N24" s="42"/>
      <c r="O24" s="42"/>
      <c r="P24" s="42"/>
      <c r="Q24" s="42"/>
      <c r="R24" s="42"/>
      <c r="S24" s="42"/>
      <c r="T24" s="42"/>
      <c r="U24" s="42"/>
      <c r="V24" s="42"/>
      <c r="W24" s="39"/>
    </row>
    <row r="25" spans="1:23">
      <c r="A25" s="45" t="s">
        <v>69</v>
      </c>
      <c r="B25" s="45"/>
      <c r="C25" s="48">
        <v>478270.04631239624</v>
      </c>
      <c r="D25" s="48">
        <v>453695.81281239627</v>
      </c>
      <c r="E25" s="48">
        <v>440160.41509239626</v>
      </c>
      <c r="F25" s="48">
        <v>430517.05509239621</v>
      </c>
      <c r="G25" s="48">
        <v>430517.05509239621</v>
      </c>
      <c r="H25" s="48">
        <v>453205.22387239616</v>
      </c>
      <c r="I25" s="48">
        <v>477779.45737239619</v>
      </c>
      <c r="J25" s="48">
        <v>491314.8550923962</v>
      </c>
      <c r="K25" s="48">
        <v>493555.4150923962</v>
      </c>
      <c r="L25" s="48">
        <v>482555.4150923962</v>
      </c>
      <c r="M25" s="48">
        <v>473870.04631239624</v>
      </c>
      <c r="N25" s="48">
        <v>-511285.00278760376</v>
      </c>
      <c r="O25" s="48">
        <v>-524820.40050760377</v>
      </c>
      <c r="P25" s="48">
        <v>-534463.76050760376</v>
      </c>
      <c r="Q25" s="48">
        <v>-523463.76050760376</v>
      </c>
      <c r="R25" s="48">
        <v>-507375.59172760381</v>
      </c>
      <c r="S25" s="48">
        <v>-482801.35822760372</v>
      </c>
      <c r="T25" s="48">
        <v>-469265.96050760383</v>
      </c>
      <c r="U25" s="48">
        <v>-467025.40050760377</v>
      </c>
      <c r="V25" s="48">
        <v>-467025.40050760377</v>
      </c>
    </row>
    <row r="26" spans="1:23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3">
      <c r="A27" s="41" t="s">
        <v>70</v>
      </c>
      <c r="B27" s="41"/>
      <c r="C27" s="42">
        <v>162611.81574621474</v>
      </c>
      <c r="D27" s="42">
        <v>154256.57635621473</v>
      </c>
      <c r="E27" s="42">
        <v>149654.54113141473</v>
      </c>
      <c r="F27" s="42">
        <v>146375.79873141472</v>
      </c>
      <c r="G27" s="42">
        <v>146375.79873141472</v>
      </c>
      <c r="H27" s="42">
        <v>154089.7761166147</v>
      </c>
      <c r="I27" s="42">
        <v>162445.01550661473</v>
      </c>
      <c r="J27" s="42">
        <v>167047.05073141473</v>
      </c>
      <c r="K27" s="42">
        <v>167808.84113141472</v>
      </c>
      <c r="L27" s="42">
        <v>164068.84113141472</v>
      </c>
      <c r="M27" s="42">
        <v>161115.81574621474</v>
      </c>
      <c r="N27" s="42">
        <v>0</v>
      </c>
      <c r="O27" s="42">
        <v>0</v>
      </c>
      <c r="P27" s="42">
        <v>0</v>
      </c>
      <c r="Q27" s="42">
        <v>0</v>
      </c>
      <c r="R27" s="42">
        <v>0</v>
      </c>
      <c r="S27" s="42">
        <v>0</v>
      </c>
      <c r="T27" s="42">
        <v>0</v>
      </c>
      <c r="U27" s="42">
        <v>0</v>
      </c>
      <c r="V27" s="42">
        <v>0</v>
      </c>
    </row>
    <row r="28" spans="1:23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3">
      <c r="A29" s="45" t="s">
        <v>71</v>
      </c>
      <c r="B29" s="45"/>
      <c r="C29" s="48">
        <v>315658.23056618148</v>
      </c>
      <c r="D29" s="48">
        <v>299439.2364561815</v>
      </c>
      <c r="E29" s="48">
        <v>290505.87396098149</v>
      </c>
      <c r="F29" s="48">
        <v>284141.2563609815</v>
      </c>
      <c r="G29" s="48">
        <v>284141.2563609815</v>
      </c>
      <c r="H29" s="48">
        <v>299115.44775578147</v>
      </c>
      <c r="I29" s="48">
        <v>315334.44186578144</v>
      </c>
      <c r="J29" s="48">
        <v>324267.80436098145</v>
      </c>
      <c r="K29" s="48">
        <v>325746.57396098145</v>
      </c>
      <c r="L29" s="48">
        <v>318486.57396098145</v>
      </c>
      <c r="M29" s="48">
        <v>312754.23056618148</v>
      </c>
      <c r="N29" s="48">
        <v>-511285.00278760376</v>
      </c>
      <c r="O29" s="48">
        <v>-524820.40050760377</v>
      </c>
      <c r="P29" s="48">
        <v>-534463.76050760376</v>
      </c>
      <c r="Q29" s="48">
        <v>-523463.76050760376</v>
      </c>
      <c r="R29" s="48">
        <v>-507375.59172760381</v>
      </c>
      <c r="S29" s="48">
        <v>-482801.35822760372</v>
      </c>
      <c r="T29" s="48">
        <v>-469265.96050760383</v>
      </c>
      <c r="U29" s="48">
        <v>-467025.40050760377</v>
      </c>
      <c r="V29" s="48">
        <v>-467025.40050760377</v>
      </c>
    </row>
    <row r="30" spans="1:23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3">
      <c r="A31" s="41" t="s">
        <v>72</v>
      </c>
      <c r="B31" s="41"/>
      <c r="C31" s="42">
        <v>29712.655513333331</v>
      </c>
      <c r="D31" s="42">
        <v>54286.889013333326</v>
      </c>
      <c r="E31" s="42">
        <v>67822.286733333327</v>
      </c>
      <c r="F31" s="42">
        <v>70062.846733333325</v>
      </c>
      <c r="G31" s="42">
        <v>70062.846733333325</v>
      </c>
      <c r="H31" s="42">
        <v>47374.677953333332</v>
      </c>
      <c r="I31" s="42">
        <v>22800.444453333334</v>
      </c>
      <c r="J31" s="42">
        <v>9265.0467333333327</v>
      </c>
      <c r="K31" s="42">
        <v>7024.4867333333323</v>
      </c>
      <c r="L31" s="42">
        <v>18024.486733333331</v>
      </c>
      <c r="M31" s="42">
        <v>34112.655513333331</v>
      </c>
      <c r="N31" s="42">
        <v>1019267.7046133333</v>
      </c>
      <c r="O31" s="42">
        <v>1032803.1023333333</v>
      </c>
      <c r="P31" s="42">
        <v>1035043.6623333333</v>
      </c>
      <c r="Q31" s="42">
        <v>1024043.6623333333</v>
      </c>
      <c r="R31" s="42">
        <v>1007955.4935533333</v>
      </c>
      <c r="S31" s="42">
        <v>983381.26005333324</v>
      </c>
      <c r="T31" s="42">
        <v>969845.86233333335</v>
      </c>
      <c r="U31" s="42">
        <v>967605.3023333333</v>
      </c>
      <c r="V31" s="42">
        <v>967605.3023333333</v>
      </c>
    </row>
    <row r="32" spans="1:23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345370.88607951481</v>
      </c>
      <c r="D33" s="48">
        <v>353726.12546951481</v>
      </c>
      <c r="E33" s="48">
        <v>358328.16069431481</v>
      </c>
      <c r="F33" s="48">
        <v>354204.10309431481</v>
      </c>
      <c r="G33" s="48">
        <v>354204.10309431481</v>
      </c>
      <c r="H33" s="48">
        <v>346490.12570911483</v>
      </c>
      <c r="I33" s="48">
        <v>338134.88631911477</v>
      </c>
      <c r="J33" s="48">
        <v>333532.85109431477</v>
      </c>
      <c r="K33" s="48">
        <v>332771.06069431477</v>
      </c>
      <c r="L33" s="48">
        <v>336511.06069431477</v>
      </c>
      <c r="M33" s="48">
        <v>346866.88607951481</v>
      </c>
      <c r="N33" s="48">
        <v>507982.70182572957</v>
      </c>
      <c r="O33" s="48">
        <v>507982.70182572957</v>
      </c>
      <c r="P33" s="48">
        <v>500579.90182572952</v>
      </c>
      <c r="Q33" s="48">
        <v>500579.90182572952</v>
      </c>
      <c r="R33" s="48">
        <v>500579.90182572952</v>
      </c>
      <c r="S33" s="48">
        <v>500579.90182572952</v>
      </c>
      <c r="T33" s="48">
        <v>500579.90182572952</v>
      </c>
      <c r="U33" s="48">
        <v>500579.90182572952</v>
      </c>
      <c r="V33" s="48">
        <v>500579.90182572952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141568.8774280934</v>
      </c>
      <c r="C35" s="47">
        <v>80440.843899999993</v>
      </c>
      <c r="D35" s="47">
        <v>122871.1675</v>
      </c>
      <c r="E35" s="47">
        <v>67676.988600000012</v>
      </c>
      <c r="F35" s="47">
        <v>11202.8</v>
      </c>
      <c r="G35" s="47">
        <v>0</v>
      </c>
      <c r="H35" s="47">
        <v>0</v>
      </c>
      <c r="I35" s="47">
        <v>0</v>
      </c>
      <c r="J35" s="47">
        <v>0</v>
      </c>
      <c r="K35" s="47">
        <v>0</v>
      </c>
      <c r="L35" s="47">
        <v>55000</v>
      </c>
      <c r="M35" s="47">
        <v>80440.843899999993</v>
      </c>
      <c r="N35" s="47">
        <v>8830317.1675000004</v>
      </c>
      <c r="O35" s="47">
        <v>67676.988600000012</v>
      </c>
      <c r="P35" s="47">
        <v>11202.8</v>
      </c>
      <c r="Q35" s="47">
        <v>0</v>
      </c>
      <c r="R35" s="47">
        <v>0</v>
      </c>
      <c r="S35" s="47">
        <v>0</v>
      </c>
      <c r="T35" s="47">
        <v>0</v>
      </c>
      <c r="U35" s="47">
        <v>0</v>
      </c>
      <c r="V35" s="47">
        <v>-27753.749028093385</v>
      </c>
    </row>
    <row r="36" spans="1:22">
      <c r="A36" s="49" t="s">
        <v>75</v>
      </c>
      <c r="B36" s="48">
        <v>76045.028399999996</v>
      </c>
      <c r="C36" s="48"/>
      <c r="D36" s="48"/>
      <c r="E36" s="48"/>
      <c r="F36" s="48"/>
      <c r="G36" s="48"/>
      <c r="H36" s="48"/>
      <c r="I36" s="48"/>
      <c r="J36" s="48"/>
      <c r="K36" s="48"/>
      <c r="L36" s="48"/>
      <c r="M36" s="48"/>
      <c r="N36" s="48">
        <v>8707446</v>
      </c>
      <c r="O36" s="48"/>
      <c r="P36" s="48"/>
      <c r="Q36" s="48"/>
      <c r="R36" s="48"/>
      <c r="S36" s="48"/>
      <c r="T36" s="48"/>
      <c r="U36" s="48"/>
      <c r="V36" s="48"/>
    </row>
    <row r="37" spans="1:22">
      <c r="A37" s="50" t="s">
        <v>76</v>
      </c>
      <c r="B37" s="42">
        <v>33000</v>
      </c>
      <c r="C37" s="42">
        <v>80440.843899999993</v>
      </c>
      <c r="D37" s="42">
        <v>122871.1675</v>
      </c>
      <c r="E37" s="42">
        <v>67676.98860000001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22871.1675</v>
      </c>
      <c r="O37" s="42">
        <v>67676.98860000001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46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7753.749028093385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7753.749028093385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0</v>
      </c>
      <c r="D41" s="46">
        <v>0</v>
      </c>
      <c r="E41" s="46">
        <v>0</v>
      </c>
      <c r="F41" s="46">
        <v>0</v>
      </c>
      <c r="G41" s="46">
        <v>0</v>
      </c>
      <c r="H41" s="46">
        <v>0</v>
      </c>
      <c r="I41" s="46">
        <v>0</v>
      </c>
      <c r="J41" s="46">
        <v>0</v>
      </c>
      <c r="K41" s="46">
        <v>0</v>
      </c>
      <c r="L41" s="46">
        <v>0</v>
      </c>
      <c r="M41" s="46">
        <v>0</v>
      </c>
      <c r="N41" s="46">
        <v>0</v>
      </c>
      <c r="O41" s="46">
        <v>0</v>
      </c>
      <c r="P41" s="46">
        <v>0</v>
      </c>
      <c r="Q41" s="46">
        <v>0</v>
      </c>
      <c r="R41" s="46">
        <v>0</v>
      </c>
      <c r="S41" s="46">
        <v>0</v>
      </c>
      <c r="T41" s="46">
        <v>0</v>
      </c>
      <c r="U41" s="46">
        <v>0</v>
      </c>
      <c r="V41" s="46">
        <v>2544.0533333333337</v>
      </c>
    </row>
    <row r="42" spans="1:22">
      <c r="A42" s="41" t="s">
        <v>80</v>
      </c>
      <c r="B42" s="41"/>
      <c r="C42" s="47">
        <v>0</v>
      </c>
      <c r="D42" s="47">
        <v>0</v>
      </c>
      <c r="E42" s="47">
        <v>0</v>
      </c>
      <c r="F42" s="47">
        <v>0</v>
      </c>
      <c r="G42" s="47">
        <v>0</v>
      </c>
      <c r="H42" s="47">
        <v>0</v>
      </c>
      <c r="I42" s="47">
        <v>0</v>
      </c>
      <c r="J42" s="47">
        <v>0</v>
      </c>
      <c r="K42" s="47">
        <v>0</v>
      </c>
      <c r="L42" s="47">
        <v>0</v>
      </c>
      <c r="M42" s="47">
        <v>0</v>
      </c>
      <c r="N42" s="47">
        <v>0</v>
      </c>
      <c r="O42" s="47">
        <v>0</v>
      </c>
      <c r="P42" s="47">
        <v>0</v>
      </c>
      <c r="Q42" s="47">
        <v>0</v>
      </c>
      <c r="R42" s="47">
        <v>0</v>
      </c>
      <c r="S42" s="47">
        <v>0</v>
      </c>
      <c r="T42" s="47">
        <v>0</v>
      </c>
      <c r="U42" s="47">
        <v>0</v>
      </c>
      <c r="V42" s="47">
        <v>0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141568.8774280934</v>
      </c>
      <c r="C45" s="53">
        <v>264930.04217951483</v>
      </c>
      <c r="D45" s="53">
        <v>230854.95796951483</v>
      </c>
      <c r="E45" s="53">
        <v>290651.17209431482</v>
      </c>
      <c r="F45" s="53">
        <v>343001.30309431482</v>
      </c>
      <c r="G45" s="53">
        <v>354204.10309431481</v>
      </c>
      <c r="H45" s="53">
        <v>346490.12570911483</v>
      </c>
      <c r="I45" s="53">
        <v>338134.88631911477</v>
      </c>
      <c r="J45" s="53">
        <v>333532.85109431477</v>
      </c>
      <c r="K45" s="53">
        <v>332771.06069431477</v>
      </c>
      <c r="L45" s="53">
        <v>281511.06069431477</v>
      </c>
      <c r="M45" s="53">
        <v>266426.04217951483</v>
      </c>
      <c r="N45" s="53">
        <v>-8322334.4656742709</v>
      </c>
      <c r="O45" s="53">
        <v>440305.71322572953</v>
      </c>
      <c r="P45" s="53">
        <v>489377.10182572954</v>
      </c>
      <c r="Q45" s="53">
        <v>500579.90182572952</v>
      </c>
      <c r="R45" s="53">
        <v>500579.90182572952</v>
      </c>
      <c r="S45" s="53">
        <v>500579.90182572952</v>
      </c>
      <c r="T45" s="53">
        <v>500579.90182572952</v>
      </c>
      <c r="U45" s="53">
        <v>500579.90182572952</v>
      </c>
      <c r="V45" s="53">
        <v>530877.70418715628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 ht="11.25" customHeight="1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29712.655513333331</v>
      </c>
      <c r="D55" s="59">
        <v>54286.889013333326</v>
      </c>
      <c r="E55" s="59">
        <v>67822.286733333327</v>
      </c>
      <c r="F55" s="59">
        <v>70062.846733333325</v>
      </c>
      <c r="G55" s="59">
        <v>70062.846733333325</v>
      </c>
      <c r="H55" s="59">
        <v>47374.677953333332</v>
      </c>
      <c r="I55" s="59">
        <v>22800.444453333334</v>
      </c>
      <c r="J55" s="59">
        <v>9265.0467333333327</v>
      </c>
      <c r="K55" s="59">
        <v>7024.4867333333323</v>
      </c>
      <c r="L55" s="59">
        <v>18024.486733333331</v>
      </c>
      <c r="M55" s="59">
        <v>34112.655513333331</v>
      </c>
      <c r="N55" s="59">
        <v>1019267.7046133333</v>
      </c>
      <c r="O55" s="59">
        <v>1032803.1023333333</v>
      </c>
      <c r="P55" s="59">
        <v>1035043.6623333333</v>
      </c>
      <c r="Q55" s="59">
        <v>1024043.6623333333</v>
      </c>
      <c r="R55" s="59">
        <v>1007955.4935533333</v>
      </c>
      <c r="S55" s="59">
        <v>983381.26005333324</v>
      </c>
      <c r="T55" s="59">
        <v>969845.86233333335</v>
      </c>
      <c r="U55" s="59">
        <v>967605.3023333333</v>
      </c>
      <c r="V55" s="59">
        <v>967605.3023333333</v>
      </c>
    </row>
    <row r="56" spans="1:22">
      <c r="A56" s="62" t="s">
        <v>84</v>
      </c>
      <c r="B56" s="63"/>
      <c r="C56" s="65">
        <v>6913.1843999999992</v>
      </c>
      <c r="D56" s="65">
        <v>6913.1843999999992</v>
      </c>
      <c r="E56" s="65">
        <v>6913.1843999999992</v>
      </c>
      <c r="F56" s="65">
        <v>6913.1843999999992</v>
      </c>
      <c r="G56" s="65">
        <v>6913.1843999999992</v>
      </c>
      <c r="H56" s="65">
        <v>6913.1843999999992</v>
      </c>
      <c r="I56" s="65">
        <v>6913.1843999999992</v>
      </c>
      <c r="J56" s="65">
        <v>6913.1843999999992</v>
      </c>
      <c r="K56" s="65">
        <v>6913.1843999999992</v>
      </c>
      <c r="L56" s="65">
        <v>6913.1843999999992</v>
      </c>
      <c r="M56" s="65">
        <v>6913.1843999999992</v>
      </c>
      <c r="N56" s="65">
        <v>967494</v>
      </c>
      <c r="O56" s="65">
        <v>967494</v>
      </c>
      <c r="P56" s="65">
        <v>967494</v>
      </c>
      <c r="Q56" s="65">
        <v>967494</v>
      </c>
      <c r="R56" s="65">
        <v>967494</v>
      </c>
      <c r="S56" s="65">
        <v>967494</v>
      </c>
      <c r="T56" s="65">
        <v>967494</v>
      </c>
      <c r="U56" s="65">
        <v>967494</v>
      </c>
      <c r="V56" s="66">
        <v>967494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99" spans="11:11" ht="12.75">
      <c r="K99" s="161" t="s">
        <v>178</v>
      </c>
    </row>
  </sheetData>
  <pageMargins left="0.9375" right="0.51181102362204722" top="0.36" bottom="0.78740157480314965" header="0.31496062992125984" footer="0.31496062992125984"/>
  <pageSetup paperSize="9" scale="45" orientation="landscape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>
  <sheetPr codeName="Plan24"/>
  <dimension ref="A1:V99"/>
  <sheetViews>
    <sheetView view="pageBreakPreview" zoomScale="80" zoomScaleNormal="100" zoomScaleSheetLayoutView="80" workbookViewId="0"/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58" t="s">
        <v>142</v>
      </c>
    </row>
    <row r="4" spans="1:22" ht="18">
      <c r="A4" s="158" t="s">
        <v>153</v>
      </c>
    </row>
    <row r="5" spans="1:22" ht="15.75">
      <c r="A5" s="166" t="s">
        <v>163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27058.999999999141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8200.170658756811</v>
      </c>
    </row>
    <row r="11" spans="1:22" ht="12.75">
      <c r="A11" s="167" t="s">
        <v>60</v>
      </c>
      <c r="B11" s="168"/>
      <c r="C11" s="175">
        <v>7754.4830119999997</v>
      </c>
    </row>
    <row r="12" spans="1:22" ht="12.75">
      <c r="A12" s="167" t="s">
        <v>61</v>
      </c>
      <c r="B12" s="168"/>
      <c r="C12" s="176">
        <v>10445.687646756811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3247079.9999998966</v>
      </c>
      <c r="D17" s="42">
        <v>3247079.9999998966</v>
      </c>
      <c r="E17" s="42">
        <v>3247079.9999998966</v>
      </c>
      <c r="F17" s="42">
        <v>3247079.9999998966</v>
      </c>
      <c r="G17" s="42">
        <v>3247079.9999998966</v>
      </c>
      <c r="H17" s="42">
        <v>3247079.9999998966</v>
      </c>
      <c r="I17" s="42">
        <v>3247079.9999998966</v>
      </c>
      <c r="J17" s="42">
        <v>3247079.9999998966</v>
      </c>
      <c r="K17" s="42">
        <v>3247079.9999998966</v>
      </c>
      <c r="L17" s="42">
        <v>3247079.9999998966</v>
      </c>
      <c r="M17" s="42">
        <v>3247079.9999998966</v>
      </c>
      <c r="N17" s="42">
        <v>3247079.9999998966</v>
      </c>
      <c r="O17" s="42">
        <v>3247079.9999998966</v>
      </c>
      <c r="P17" s="42">
        <v>3247079.9999998966</v>
      </c>
      <c r="Q17" s="42">
        <v>3247079.9999998966</v>
      </c>
      <c r="R17" s="42">
        <v>3247079.9999998966</v>
      </c>
      <c r="S17" s="42">
        <v>3247079.9999998966</v>
      </c>
      <c r="T17" s="42">
        <v>3247079.9999998966</v>
      </c>
      <c r="U17" s="42">
        <v>3247079.9999998966</v>
      </c>
      <c r="V17" s="42">
        <v>3247079.9999998966</v>
      </c>
    </row>
    <row r="18" spans="1:22">
      <c r="A18" s="45" t="s">
        <v>65</v>
      </c>
      <c r="B18" s="45"/>
      <c r="C18" s="46">
        <v>64941.599999997932</v>
      </c>
      <c r="D18" s="46">
        <v>64941.599999997932</v>
      </c>
      <c r="E18" s="46">
        <v>64941.599999997932</v>
      </c>
      <c r="F18" s="46">
        <v>64941.599999997932</v>
      </c>
      <c r="G18" s="46">
        <v>64941.599999997932</v>
      </c>
      <c r="H18" s="46">
        <v>64941.599999997932</v>
      </c>
      <c r="I18" s="46">
        <v>64941.599999997932</v>
      </c>
      <c r="J18" s="46">
        <v>64941.599999997932</v>
      </c>
      <c r="K18" s="46">
        <v>64941.599999997932</v>
      </c>
      <c r="L18" s="46">
        <v>64941.599999997932</v>
      </c>
      <c r="M18" s="46">
        <v>64941.599999997932</v>
      </c>
      <c r="N18" s="46">
        <v>64941.599999997932</v>
      </c>
      <c r="O18" s="46">
        <v>64941.599999997932</v>
      </c>
      <c r="P18" s="46">
        <v>64941.599999997932</v>
      </c>
      <c r="Q18" s="46">
        <v>64941.599999997932</v>
      </c>
      <c r="R18" s="46">
        <v>64941.599999997932</v>
      </c>
      <c r="S18" s="46">
        <v>64941.599999997932</v>
      </c>
      <c r="T18" s="46">
        <v>64941.599999997932</v>
      </c>
      <c r="U18" s="46">
        <v>64941.599999997932</v>
      </c>
      <c r="V18" s="46">
        <v>64941.599999997932</v>
      </c>
    </row>
    <row r="19" spans="1:22">
      <c r="A19" s="41" t="s">
        <v>66</v>
      </c>
      <c r="B19" s="41"/>
      <c r="C19" s="47">
        <v>3182138.3999998989</v>
      </c>
      <c r="D19" s="47">
        <v>3182138.3999998989</v>
      </c>
      <c r="E19" s="47">
        <v>3182138.3999998989</v>
      </c>
      <c r="F19" s="47">
        <v>3182138.3999998989</v>
      </c>
      <c r="G19" s="47">
        <v>3182138.3999998989</v>
      </c>
      <c r="H19" s="47">
        <v>3182138.3999998989</v>
      </c>
      <c r="I19" s="47">
        <v>3182138.3999998989</v>
      </c>
      <c r="J19" s="47">
        <v>3182138.3999998989</v>
      </c>
      <c r="K19" s="47">
        <v>3182138.3999998989</v>
      </c>
      <c r="L19" s="47">
        <v>3182138.3999998989</v>
      </c>
      <c r="M19" s="47">
        <v>3182138.3999998989</v>
      </c>
      <c r="N19" s="47">
        <v>3182138.3999998989</v>
      </c>
      <c r="O19" s="47">
        <v>3182138.3999998989</v>
      </c>
      <c r="P19" s="47">
        <v>3182138.3999998989</v>
      </c>
      <c r="Q19" s="47">
        <v>3182138.3999998989</v>
      </c>
      <c r="R19" s="47">
        <v>3182138.3999998989</v>
      </c>
      <c r="S19" s="47">
        <v>3182138.3999998989</v>
      </c>
      <c r="T19" s="47">
        <v>3182138.3999998989</v>
      </c>
      <c r="U19" s="47">
        <v>3182138.3999998989</v>
      </c>
      <c r="V19" s="47">
        <v>3182138.3999998989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2191023.6790508172</v>
      </c>
      <c r="D21" s="46">
        <v>2191023.6790508172</v>
      </c>
      <c r="E21" s="46">
        <v>2191023.6790508172</v>
      </c>
      <c r="F21" s="46">
        <v>2198426.479050817</v>
      </c>
      <c r="G21" s="46">
        <v>2198426.479050817</v>
      </c>
      <c r="H21" s="46">
        <v>2198426.479050817</v>
      </c>
      <c r="I21" s="46">
        <v>2198426.479050817</v>
      </c>
      <c r="J21" s="46">
        <v>2198426.479050817</v>
      </c>
      <c r="K21" s="46">
        <v>2198426.479050817</v>
      </c>
      <c r="L21" s="46">
        <v>2198426.479050817</v>
      </c>
      <c r="M21" s="48">
        <v>2191023.6790508172</v>
      </c>
      <c r="N21" s="48">
        <v>2191023.6790508172</v>
      </c>
      <c r="O21" s="48">
        <v>2191023.6790508172</v>
      </c>
      <c r="P21" s="48">
        <v>2198426.479050817</v>
      </c>
      <c r="Q21" s="48">
        <v>2198426.479050817</v>
      </c>
      <c r="R21" s="48">
        <v>2198426.479050817</v>
      </c>
      <c r="S21" s="48">
        <v>2198426.479050817</v>
      </c>
      <c r="T21" s="48">
        <v>2198426.479050817</v>
      </c>
      <c r="U21" s="48">
        <v>2198426.479050817</v>
      </c>
      <c r="V21" s="48">
        <v>2198426.479050817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76">
        <v>369949.51141333336</v>
      </c>
      <c r="D23" s="76">
        <v>394523.74491333333</v>
      </c>
      <c r="E23" s="76">
        <v>408059.14263333334</v>
      </c>
      <c r="F23" s="76">
        <v>410299.70263333333</v>
      </c>
      <c r="G23" s="76">
        <v>410299.70263333333</v>
      </c>
      <c r="H23" s="76">
        <v>387611.53385333333</v>
      </c>
      <c r="I23" s="76">
        <v>363037.30035333335</v>
      </c>
      <c r="J23" s="76">
        <v>349501.90263333335</v>
      </c>
      <c r="K23" s="76">
        <v>347261.34263333335</v>
      </c>
      <c r="L23" s="76">
        <v>358261.34263333335</v>
      </c>
      <c r="M23" s="76">
        <v>374349.51141333336</v>
      </c>
      <c r="N23" s="76">
        <v>1168600.4035133333</v>
      </c>
      <c r="O23" s="76">
        <v>1182135.8012333333</v>
      </c>
      <c r="P23" s="76">
        <v>1184376.3612333334</v>
      </c>
      <c r="Q23" s="76">
        <v>1749664.1623333334</v>
      </c>
      <c r="R23" s="76">
        <v>1733575.9935533332</v>
      </c>
      <c r="S23" s="76">
        <v>1709001.7600533334</v>
      </c>
      <c r="T23" s="76">
        <v>1695466.3623333334</v>
      </c>
      <c r="U23" s="76">
        <v>1693225.8023333333</v>
      </c>
      <c r="V23" s="76">
        <v>1693225.8023333333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621165.20953574835</v>
      </c>
      <c r="D25" s="48">
        <v>596590.97603574838</v>
      </c>
      <c r="E25" s="48">
        <v>583055.57831574837</v>
      </c>
      <c r="F25" s="48">
        <v>573412.2183157485</v>
      </c>
      <c r="G25" s="48">
        <v>573412.2183157485</v>
      </c>
      <c r="H25" s="48">
        <v>596100.38709574856</v>
      </c>
      <c r="I25" s="48">
        <v>620674.62059574854</v>
      </c>
      <c r="J25" s="48">
        <v>634210.01831574854</v>
      </c>
      <c r="K25" s="48">
        <v>636450.5783157486</v>
      </c>
      <c r="L25" s="48">
        <v>625450.5783157486</v>
      </c>
      <c r="M25" s="48">
        <v>616765.20953574835</v>
      </c>
      <c r="N25" s="48">
        <v>-177485.68256425159</v>
      </c>
      <c r="O25" s="48">
        <v>-191021.0802842516</v>
      </c>
      <c r="P25" s="48">
        <v>-200664.44028425147</v>
      </c>
      <c r="Q25" s="48">
        <v>-765952.24138425151</v>
      </c>
      <c r="R25" s="48">
        <v>-749864.07260425133</v>
      </c>
      <c r="S25" s="48">
        <v>-725289.83910425147</v>
      </c>
      <c r="T25" s="48">
        <v>-711754.44138425146</v>
      </c>
      <c r="U25" s="48">
        <v>-709513.88138425141</v>
      </c>
      <c r="V25" s="48">
        <v>-709513.88138425141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211196.17124215447</v>
      </c>
      <c r="D27" s="42">
        <v>202840.93185215446</v>
      </c>
      <c r="E27" s="42">
        <v>198238.89662735446</v>
      </c>
      <c r="F27" s="42">
        <v>194960.15422735451</v>
      </c>
      <c r="G27" s="42">
        <v>194960.15422735451</v>
      </c>
      <c r="H27" s="42">
        <v>202674.13161255451</v>
      </c>
      <c r="I27" s="42">
        <v>211029.37100255452</v>
      </c>
      <c r="J27" s="42">
        <v>215631.40622735451</v>
      </c>
      <c r="K27" s="42">
        <v>216393.19662735454</v>
      </c>
      <c r="L27" s="42">
        <v>212653.19662735454</v>
      </c>
      <c r="M27" s="42">
        <v>209700.17124215447</v>
      </c>
      <c r="N27" s="42">
        <v>0</v>
      </c>
      <c r="O27" s="42">
        <v>0</v>
      </c>
      <c r="P27" s="42">
        <v>0</v>
      </c>
      <c r="Q27" s="42">
        <v>0</v>
      </c>
      <c r="R27" s="42">
        <v>0</v>
      </c>
      <c r="S27" s="42">
        <v>0</v>
      </c>
      <c r="T27" s="42">
        <v>0</v>
      </c>
      <c r="U27" s="42">
        <v>0</v>
      </c>
      <c r="V27" s="42">
        <v>0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409969.03829359391</v>
      </c>
      <c r="D29" s="48">
        <v>393750.04418359394</v>
      </c>
      <c r="E29" s="48">
        <v>384816.68168839393</v>
      </c>
      <c r="F29" s="48">
        <v>378452.06408839399</v>
      </c>
      <c r="G29" s="48">
        <v>378452.06408839399</v>
      </c>
      <c r="H29" s="48">
        <v>393426.25548319402</v>
      </c>
      <c r="I29" s="48">
        <v>409645.24959319399</v>
      </c>
      <c r="J29" s="48">
        <v>418578.612088394</v>
      </c>
      <c r="K29" s="48">
        <v>420057.38168839406</v>
      </c>
      <c r="L29" s="48">
        <v>412797.38168839406</v>
      </c>
      <c r="M29" s="48">
        <v>407065.03829359391</v>
      </c>
      <c r="N29" s="48">
        <v>-177485.68256425159</v>
      </c>
      <c r="O29" s="48">
        <v>-191021.0802842516</v>
      </c>
      <c r="P29" s="48">
        <v>-200664.44028425147</v>
      </c>
      <c r="Q29" s="48">
        <v>-765952.24138425151</v>
      </c>
      <c r="R29" s="48">
        <v>-749864.07260425133</v>
      </c>
      <c r="S29" s="48">
        <v>-725289.83910425147</v>
      </c>
      <c r="T29" s="48">
        <v>-711754.44138425146</v>
      </c>
      <c r="U29" s="48">
        <v>-709513.88138425141</v>
      </c>
      <c r="V29" s="48">
        <v>-709513.88138425141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369949.51141333336</v>
      </c>
      <c r="D31" s="42">
        <v>394523.74491333333</v>
      </c>
      <c r="E31" s="42">
        <v>408059.14263333334</v>
      </c>
      <c r="F31" s="42">
        <v>410299.70263333333</v>
      </c>
      <c r="G31" s="42">
        <v>410299.70263333333</v>
      </c>
      <c r="H31" s="42">
        <v>387611.53385333333</v>
      </c>
      <c r="I31" s="42">
        <v>363037.30035333335</v>
      </c>
      <c r="J31" s="42">
        <v>349501.90263333335</v>
      </c>
      <c r="K31" s="42">
        <v>347261.34263333335</v>
      </c>
      <c r="L31" s="42">
        <v>358261.34263333335</v>
      </c>
      <c r="M31" s="42">
        <v>374349.51141333336</v>
      </c>
      <c r="N31" s="42">
        <v>1168600.4035133333</v>
      </c>
      <c r="O31" s="42">
        <v>1182135.8012333333</v>
      </c>
      <c r="P31" s="42">
        <v>1184376.3612333334</v>
      </c>
      <c r="Q31" s="42">
        <v>1749664.1623333334</v>
      </c>
      <c r="R31" s="42">
        <v>1733575.9935533332</v>
      </c>
      <c r="S31" s="42">
        <v>1709001.7600533334</v>
      </c>
      <c r="T31" s="42">
        <v>1695466.3623333334</v>
      </c>
      <c r="U31" s="42">
        <v>1693225.8023333333</v>
      </c>
      <c r="V31" s="42">
        <v>1693225.8023333333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779918.54970692727</v>
      </c>
      <c r="D33" s="48">
        <v>788273.78909692727</v>
      </c>
      <c r="E33" s="48">
        <v>792875.82432172727</v>
      </c>
      <c r="F33" s="48">
        <v>788751.76672172733</v>
      </c>
      <c r="G33" s="48">
        <v>788751.76672172733</v>
      </c>
      <c r="H33" s="48">
        <v>781037.78933652735</v>
      </c>
      <c r="I33" s="48">
        <v>772682.54994652735</v>
      </c>
      <c r="J33" s="48">
        <v>768080.51472172735</v>
      </c>
      <c r="K33" s="48">
        <v>767318.72432172741</v>
      </c>
      <c r="L33" s="48">
        <v>771058.72432172741</v>
      </c>
      <c r="M33" s="48">
        <v>781414.54970692727</v>
      </c>
      <c r="N33" s="48">
        <v>991114.7209490817</v>
      </c>
      <c r="O33" s="48">
        <v>991114.7209490817</v>
      </c>
      <c r="P33" s="48">
        <v>983711.92094908189</v>
      </c>
      <c r="Q33" s="48">
        <v>983711.92094908189</v>
      </c>
      <c r="R33" s="48">
        <v>983711.92094908189</v>
      </c>
      <c r="S33" s="48">
        <v>983711.92094908189</v>
      </c>
      <c r="T33" s="48">
        <v>983711.92094908189</v>
      </c>
      <c r="U33" s="48">
        <v>983711.92094908189</v>
      </c>
      <c r="V33" s="48">
        <v>983711.92094908189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4334432.6630006954</v>
      </c>
      <c r="C35" s="47">
        <v>80440.843899999993</v>
      </c>
      <c r="D35" s="47">
        <v>122871.1675</v>
      </c>
      <c r="E35" s="47">
        <v>67676.988600000012</v>
      </c>
      <c r="F35" s="47">
        <v>11202.8</v>
      </c>
      <c r="G35" s="47">
        <v>0</v>
      </c>
      <c r="H35" s="47">
        <v>0</v>
      </c>
      <c r="I35" s="47">
        <v>0</v>
      </c>
      <c r="J35" s="47">
        <v>0</v>
      </c>
      <c r="K35" s="47">
        <v>0</v>
      </c>
      <c r="L35" s="47">
        <v>55000</v>
      </c>
      <c r="M35" s="47">
        <v>80440.843899999993</v>
      </c>
      <c r="N35" s="47">
        <v>4476594.1675000004</v>
      </c>
      <c r="O35" s="47">
        <v>67676.988600000012</v>
      </c>
      <c r="P35" s="47">
        <v>11202.8</v>
      </c>
      <c r="Q35" s="47">
        <v>4353723</v>
      </c>
      <c r="R35" s="47">
        <v>0</v>
      </c>
      <c r="S35" s="47">
        <v>0</v>
      </c>
      <c r="T35" s="47">
        <v>0</v>
      </c>
      <c r="U35" s="47">
        <v>0</v>
      </c>
      <c r="V35" s="47">
        <v>-30014.023000696125</v>
      </c>
    </row>
    <row r="36" spans="1:22">
      <c r="A36" s="49" t="s">
        <v>75</v>
      </c>
      <c r="B36" s="48">
        <v>4266648.54</v>
      </c>
      <c r="C36" s="48"/>
      <c r="D36" s="48"/>
      <c r="E36" s="48"/>
      <c r="F36" s="48"/>
      <c r="G36" s="48"/>
      <c r="H36" s="48"/>
      <c r="I36" s="48"/>
      <c r="J36" s="48"/>
      <c r="K36" s="48"/>
      <c r="L36" s="48"/>
      <c r="M36" s="48"/>
      <c r="N36" s="48">
        <v>4353723</v>
      </c>
      <c r="O36" s="48">
        <v>0</v>
      </c>
      <c r="P36" s="48">
        <v>0</v>
      </c>
      <c r="Q36" s="48">
        <v>4353723</v>
      </c>
      <c r="R36" s="48">
        <v>0</v>
      </c>
      <c r="S36" s="48"/>
      <c r="T36" s="48"/>
      <c r="U36" s="48"/>
      <c r="V36" s="48"/>
    </row>
    <row r="37" spans="1:22">
      <c r="A37" s="50" t="s">
        <v>76</v>
      </c>
      <c r="B37" s="42">
        <v>33000</v>
      </c>
      <c r="C37" s="42">
        <v>80440.843899999993</v>
      </c>
      <c r="D37" s="42">
        <v>122871.1675</v>
      </c>
      <c r="E37" s="42">
        <v>67676.98860000001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22871.1675</v>
      </c>
      <c r="O37" s="42">
        <v>67676.98860000001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46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30014.023000696125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30014.023000696125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0</v>
      </c>
      <c r="D41" s="46">
        <v>0</v>
      </c>
      <c r="E41" s="46">
        <v>0</v>
      </c>
      <c r="F41" s="46">
        <v>0</v>
      </c>
      <c r="G41" s="46">
        <v>0</v>
      </c>
      <c r="H41" s="46">
        <v>0</v>
      </c>
      <c r="I41" s="46">
        <v>0</v>
      </c>
      <c r="J41" s="46">
        <v>0</v>
      </c>
      <c r="K41" s="46">
        <v>0</v>
      </c>
      <c r="L41" s="46">
        <v>0</v>
      </c>
      <c r="M41" s="46">
        <v>0</v>
      </c>
      <c r="N41" s="46">
        <v>0</v>
      </c>
      <c r="O41" s="46">
        <v>0</v>
      </c>
      <c r="P41" s="46">
        <v>0</v>
      </c>
      <c r="Q41" s="46">
        <v>0</v>
      </c>
      <c r="R41" s="46">
        <v>0</v>
      </c>
      <c r="S41" s="46">
        <v>0</v>
      </c>
      <c r="T41" s="46">
        <v>0</v>
      </c>
      <c r="U41" s="46">
        <v>0</v>
      </c>
      <c r="V41" s="46">
        <v>2544.0533333333337</v>
      </c>
    </row>
    <row r="42" spans="1:22">
      <c r="A42" s="41" t="s">
        <v>80</v>
      </c>
      <c r="B42" s="41"/>
      <c r="C42" s="47">
        <v>0</v>
      </c>
      <c r="D42" s="47">
        <v>0</v>
      </c>
      <c r="E42" s="47">
        <v>0</v>
      </c>
      <c r="F42" s="47">
        <v>0</v>
      </c>
      <c r="G42" s="47">
        <v>0</v>
      </c>
      <c r="H42" s="47">
        <v>0</v>
      </c>
      <c r="I42" s="47">
        <v>0</v>
      </c>
      <c r="J42" s="47">
        <v>0</v>
      </c>
      <c r="K42" s="47">
        <v>0</v>
      </c>
      <c r="L42" s="47">
        <v>0</v>
      </c>
      <c r="M42" s="47">
        <v>0</v>
      </c>
      <c r="N42" s="47">
        <v>0</v>
      </c>
      <c r="O42" s="47">
        <v>0</v>
      </c>
      <c r="P42" s="47">
        <v>0</v>
      </c>
      <c r="Q42" s="47">
        <v>0</v>
      </c>
      <c r="R42" s="47">
        <v>0</v>
      </c>
      <c r="S42" s="47">
        <v>0</v>
      </c>
      <c r="T42" s="47">
        <v>0</v>
      </c>
      <c r="U42" s="47">
        <v>0</v>
      </c>
      <c r="V42" s="47">
        <v>0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4334432.6630006954</v>
      </c>
      <c r="C45" s="53">
        <v>699477.70580692729</v>
      </c>
      <c r="D45" s="53">
        <v>665402.62159692729</v>
      </c>
      <c r="E45" s="53">
        <v>725198.83572172723</v>
      </c>
      <c r="F45" s="53">
        <v>777548.96672172728</v>
      </c>
      <c r="G45" s="53">
        <v>788751.76672172733</v>
      </c>
      <c r="H45" s="53">
        <v>781037.78933652735</v>
      </c>
      <c r="I45" s="53">
        <v>772682.54994652735</v>
      </c>
      <c r="J45" s="53">
        <v>768080.51472172735</v>
      </c>
      <c r="K45" s="53">
        <v>767318.72432172741</v>
      </c>
      <c r="L45" s="53">
        <v>716058.72432172741</v>
      </c>
      <c r="M45" s="53">
        <v>700973.70580692729</v>
      </c>
      <c r="N45" s="53">
        <v>-3485479.4465509187</v>
      </c>
      <c r="O45" s="53">
        <v>923437.73234908166</v>
      </c>
      <c r="P45" s="53">
        <v>972509.12094908184</v>
      </c>
      <c r="Q45" s="53">
        <v>-3370011.0790509181</v>
      </c>
      <c r="R45" s="53">
        <v>983711.92094908189</v>
      </c>
      <c r="S45" s="53">
        <v>983711.92094908189</v>
      </c>
      <c r="T45" s="53">
        <v>983711.92094908189</v>
      </c>
      <c r="U45" s="53">
        <v>983711.92094908189</v>
      </c>
      <c r="V45" s="53">
        <v>1016269.9972831113</v>
      </c>
    </row>
    <row r="46" spans="1:22">
      <c r="A46" s="41"/>
      <c r="B46" s="47"/>
      <c r="C46" s="47"/>
      <c r="D46" s="47"/>
      <c r="E46" s="47"/>
      <c r="F46" s="47"/>
      <c r="G46" s="47"/>
      <c r="H46" s="47"/>
      <c r="I46" s="47"/>
      <c r="J46" s="47"/>
      <c r="K46" s="47"/>
      <c r="L46" s="47"/>
      <c r="M46" s="47"/>
      <c r="N46" s="47"/>
      <c r="O46" s="47"/>
      <c r="P46" s="47"/>
      <c r="Q46" s="47"/>
      <c r="R46" s="47"/>
      <c r="S46" s="47"/>
      <c r="T46" s="47"/>
      <c r="U46" s="47"/>
      <c r="V46" s="47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K51" s="42"/>
      <c r="L51" s="47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K52" s="37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60">
        <v>369949.51141333336</v>
      </c>
      <c r="D55" s="60">
        <v>394523.74491333333</v>
      </c>
      <c r="E55" s="60">
        <v>408059.14263333334</v>
      </c>
      <c r="F55" s="60">
        <v>410299.70263333333</v>
      </c>
      <c r="G55" s="60">
        <v>410299.70263333333</v>
      </c>
      <c r="H55" s="60">
        <v>387611.53385333333</v>
      </c>
      <c r="I55" s="60">
        <v>363037.30035333335</v>
      </c>
      <c r="J55" s="60">
        <v>349501.90263333335</v>
      </c>
      <c r="K55" s="60">
        <v>347261.34263333335</v>
      </c>
      <c r="L55" s="60">
        <v>358261.34263333335</v>
      </c>
      <c r="M55" s="60">
        <v>374349.51141333336</v>
      </c>
      <c r="N55" s="60">
        <v>1168600.4035133333</v>
      </c>
      <c r="O55" s="60">
        <v>1182135.8012333333</v>
      </c>
      <c r="P55" s="60">
        <v>1184376.3612333334</v>
      </c>
      <c r="Q55" s="60">
        <v>1749664.1623333334</v>
      </c>
      <c r="R55" s="60">
        <v>1733575.9935533332</v>
      </c>
      <c r="S55" s="60">
        <v>1709001.7600533334</v>
      </c>
      <c r="T55" s="60">
        <v>1695466.3623333334</v>
      </c>
      <c r="U55" s="60">
        <v>1693225.8023333333</v>
      </c>
      <c r="V55" s="60">
        <v>1693225.8023333333</v>
      </c>
    </row>
    <row r="56" spans="1:22">
      <c r="A56" s="62" t="s">
        <v>84</v>
      </c>
      <c r="B56" s="63"/>
      <c r="C56" s="65">
        <v>347150.04029999999</v>
      </c>
      <c r="D56" s="65">
        <v>347150.04029999999</v>
      </c>
      <c r="E56" s="65">
        <v>347150.04029999999</v>
      </c>
      <c r="F56" s="65">
        <v>347150.04029999999</v>
      </c>
      <c r="G56" s="65">
        <v>347150.04029999999</v>
      </c>
      <c r="H56" s="65">
        <v>347150.04029999999</v>
      </c>
      <c r="I56" s="65">
        <v>347150.04029999999</v>
      </c>
      <c r="J56" s="65">
        <v>347150.04029999999</v>
      </c>
      <c r="K56" s="65">
        <v>347150.04029999999</v>
      </c>
      <c r="L56" s="65">
        <v>347150.04029999999</v>
      </c>
      <c r="M56" s="65">
        <v>347150.04029999999</v>
      </c>
      <c r="N56" s="65">
        <v>1116826.6989</v>
      </c>
      <c r="O56" s="65">
        <v>1116826.6989</v>
      </c>
      <c r="P56" s="65">
        <v>1116826.6989</v>
      </c>
      <c r="Q56" s="65">
        <v>1693114.5</v>
      </c>
      <c r="R56" s="65">
        <v>1693114.5</v>
      </c>
      <c r="S56" s="65">
        <v>1693114.5</v>
      </c>
      <c r="T56" s="65">
        <v>1693114.5</v>
      </c>
      <c r="U56" s="65">
        <v>1693114.5</v>
      </c>
      <c r="V56" s="65">
        <v>1693114.5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99" spans="11:11" ht="12.75">
      <c r="K99" s="161" t="s">
        <v>164</v>
      </c>
    </row>
  </sheetData>
  <pageMargins left="0.24" right="0.26" top="0.5" bottom="0.78740157480314965" header="0.31496062992125984" footer="0.31496062992125984"/>
  <pageSetup paperSize="9" scale="44" orientation="landscape" r:id="rId1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>
  <sheetPr codeName="Plan2"/>
  <dimension ref="A4:P43"/>
  <sheetViews>
    <sheetView tabSelected="1" view="pageBreakPreview" zoomScale="80" zoomScaleNormal="100" zoomScaleSheetLayoutView="80" workbookViewId="0">
      <selection activeCell="G2" sqref="G2"/>
    </sheetView>
  </sheetViews>
  <sheetFormatPr defaultRowHeight="12.75"/>
  <cols>
    <col min="1" max="1" width="24.7109375" style="2" customWidth="1"/>
    <col min="2" max="5" width="10.28515625" style="2" customWidth="1"/>
    <col min="6" max="6" width="12.85546875" style="2" customWidth="1"/>
    <col min="7" max="7" width="13.140625" style="2" customWidth="1"/>
    <col min="8" max="8" width="10.28515625" style="2" customWidth="1"/>
    <col min="9" max="9" width="11.7109375" style="2" customWidth="1"/>
    <col min="10" max="10" width="14.140625" style="2" customWidth="1"/>
    <col min="11" max="11" width="11" style="2" bestFit="1" customWidth="1"/>
    <col min="12" max="12" width="11.140625" style="2" customWidth="1"/>
    <col min="13" max="13" width="10.7109375" customWidth="1"/>
    <col min="14" max="14" width="10.7109375" bestFit="1" customWidth="1"/>
    <col min="16" max="16" width="14" bestFit="1" customWidth="1"/>
    <col min="17" max="17" width="11.28515625" bestFit="1" customWidth="1"/>
    <col min="19" max="20" width="9.28515625" bestFit="1" customWidth="1"/>
  </cols>
  <sheetData>
    <row r="4" spans="1:16" ht="18">
      <c r="A4" s="158" t="s">
        <v>95</v>
      </c>
      <c r="H4" s="77"/>
      <c r="I4" s="39"/>
    </row>
    <row r="5" spans="1:16">
      <c r="B5" s="37"/>
      <c r="C5" s="37"/>
      <c r="D5" s="37"/>
      <c r="E5" s="37"/>
      <c r="F5" s="37"/>
      <c r="G5" s="37"/>
      <c r="H5" s="37"/>
      <c r="I5" s="37"/>
      <c r="J5" s="37"/>
      <c r="K5" s="37"/>
      <c r="L5" s="37"/>
      <c r="M5" s="78"/>
    </row>
    <row r="6" spans="1:16" ht="13.5" thickBot="1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78"/>
    </row>
    <row r="7" spans="1:16" ht="22.5">
      <c r="A7" s="79" t="s">
        <v>96</v>
      </c>
      <c r="B7" s="80" t="s">
        <v>45</v>
      </c>
      <c r="C7" s="80" t="s">
        <v>46</v>
      </c>
      <c r="D7" s="80" t="s">
        <v>47</v>
      </c>
      <c r="E7" s="80" t="s">
        <v>48</v>
      </c>
      <c r="F7" s="80" t="s">
        <v>97</v>
      </c>
      <c r="G7" s="80" t="s">
        <v>50</v>
      </c>
      <c r="H7" s="80" t="s">
        <v>51</v>
      </c>
      <c r="I7" s="80" t="s">
        <v>53</v>
      </c>
      <c r="J7" s="80" t="s">
        <v>54</v>
      </c>
      <c r="K7" s="80" t="s">
        <v>98</v>
      </c>
      <c r="L7" s="80" t="s">
        <v>99</v>
      </c>
      <c r="M7" s="81" t="s">
        <v>100</v>
      </c>
    </row>
    <row r="8" spans="1:16">
      <c r="A8" s="82" t="s">
        <v>101</v>
      </c>
      <c r="B8" s="83"/>
      <c r="C8" s="83"/>
      <c r="D8" s="83"/>
      <c r="E8" s="83"/>
      <c r="F8" s="83"/>
      <c r="G8" s="83"/>
      <c r="H8" s="83"/>
      <c r="I8" s="83"/>
      <c r="J8" s="83"/>
      <c r="K8" s="83"/>
      <c r="L8" s="84"/>
      <c r="M8" s="85"/>
    </row>
    <row r="9" spans="1:16" hidden="1">
      <c r="A9" s="86" t="s">
        <v>102</v>
      </c>
      <c r="B9" s="87">
        <v>21</v>
      </c>
      <c r="C9" s="87">
        <v>37</v>
      </c>
      <c r="D9" s="87">
        <v>70</v>
      </c>
      <c r="E9" s="87">
        <v>68</v>
      </c>
      <c r="F9" s="87">
        <v>91</v>
      </c>
      <c r="G9" s="87">
        <v>118</v>
      </c>
      <c r="H9" s="87">
        <v>94</v>
      </c>
      <c r="I9" s="87">
        <v>102</v>
      </c>
      <c r="J9" s="87">
        <v>170</v>
      </c>
      <c r="K9" s="87"/>
      <c r="L9" s="88">
        <v>91</v>
      </c>
      <c r="M9" s="85"/>
    </row>
    <row r="10" spans="1:16" hidden="1">
      <c r="A10" s="86" t="s">
        <v>103</v>
      </c>
      <c r="B10" s="87">
        <v>21</v>
      </c>
      <c r="C10" s="87">
        <v>42</v>
      </c>
      <c r="D10" s="87">
        <v>78</v>
      </c>
      <c r="E10" s="87">
        <v>75</v>
      </c>
      <c r="F10" s="87">
        <v>101</v>
      </c>
      <c r="G10" s="87">
        <v>132</v>
      </c>
      <c r="H10" s="87">
        <v>105</v>
      </c>
      <c r="I10" s="87">
        <v>114</v>
      </c>
      <c r="J10" s="87">
        <v>189</v>
      </c>
      <c r="K10" s="87"/>
      <c r="L10" s="88">
        <v>101</v>
      </c>
      <c r="M10" s="85"/>
    </row>
    <row r="11" spans="1:16" s="91" customFormat="1">
      <c r="A11" s="89" t="s">
        <v>104</v>
      </c>
      <c r="B11" s="90">
        <v>0</v>
      </c>
      <c r="C11" s="90">
        <v>0</v>
      </c>
      <c r="D11" s="90">
        <v>0</v>
      </c>
      <c r="E11" s="90">
        <v>0</v>
      </c>
      <c r="F11" s="90">
        <v>0</v>
      </c>
      <c r="G11" s="90">
        <v>0</v>
      </c>
      <c r="H11" s="90">
        <v>0</v>
      </c>
      <c r="I11" s="90">
        <v>0</v>
      </c>
      <c r="J11" s="90">
        <v>0</v>
      </c>
      <c r="K11" s="90">
        <v>0</v>
      </c>
      <c r="L11" s="90">
        <v>0</v>
      </c>
      <c r="M11" s="97">
        <v>0</v>
      </c>
    </row>
    <row r="12" spans="1:16" s="91" customFormat="1">
      <c r="A12" s="89" t="s">
        <v>105</v>
      </c>
      <c r="B12" s="92">
        <v>0.04</v>
      </c>
      <c r="C12" s="92">
        <v>0.04</v>
      </c>
      <c r="D12" s="92">
        <v>0.04</v>
      </c>
      <c r="E12" s="92">
        <v>0.04</v>
      </c>
      <c r="F12" s="92">
        <v>0.04</v>
      </c>
      <c r="G12" s="92">
        <v>0.04</v>
      </c>
      <c r="H12" s="92">
        <v>0.04</v>
      </c>
      <c r="I12" s="92">
        <v>0.04</v>
      </c>
      <c r="J12" s="92">
        <v>0.04</v>
      </c>
      <c r="K12" s="92">
        <v>0.04</v>
      </c>
      <c r="L12" s="92">
        <v>0.04</v>
      </c>
      <c r="M12" s="136">
        <v>0.04</v>
      </c>
    </row>
    <row r="13" spans="1:16">
      <c r="A13" s="93" t="s">
        <v>106</v>
      </c>
      <c r="B13" s="94">
        <v>0</v>
      </c>
      <c r="C13" s="94">
        <v>0</v>
      </c>
      <c r="D13" s="94">
        <v>0</v>
      </c>
      <c r="E13" s="94">
        <v>0</v>
      </c>
      <c r="F13" s="94">
        <v>0</v>
      </c>
      <c r="G13" s="94">
        <v>0</v>
      </c>
      <c r="H13" s="94">
        <v>0</v>
      </c>
      <c r="I13" s="94">
        <v>0</v>
      </c>
      <c r="J13" s="94">
        <v>0</v>
      </c>
      <c r="K13" s="94">
        <v>0</v>
      </c>
      <c r="L13" s="69">
        <v>0</v>
      </c>
      <c r="M13" s="95">
        <v>0</v>
      </c>
    </row>
    <row r="14" spans="1:16" s="91" customFormat="1">
      <c r="A14" s="89" t="s">
        <v>107</v>
      </c>
      <c r="B14" s="90">
        <v>293083.95</v>
      </c>
      <c r="C14" s="90">
        <v>241987.55</v>
      </c>
      <c r="D14" s="90">
        <v>308113.28999999998</v>
      </c>
      <c r="E14" s="90">
        <v>471388.5</v>
      </c>
      <c r="F14" s="90">
        <v>565666.19999999995</v>
      </c>
      <c r="G14" s="90">
        <v>827854.6</v>
      </c>
      <c r="H14" s="90">
        <v>853141.58</v>
      </c>
      <c r="I14" s="90">
        <v>888255.89</v>
      </c>
      <c r="J14" s="90">
        <v>1082767.73</v>
      </c>
      <c r="K14" s="90">
        <v>672655.5</v>
      </c>
      <c r="L14" s="33">
        <v>870744.6</v>
      </c>
      <c r="M14" s="96">
        <v>870744.6</v>
      </c>
      <c r="P14" s="32"/>
    </row>
    <row r="15" spans="1:16" s="91" customFormat="1">
      <c r="A15" s="89" t="s">
        <v>108</v>
      </c>
      <c r="B15" s="90">
        <v>1009</v>
      </c>
      <c r="C15" s="90">
        <v>777</v>
      </c>
      <c r="D15" s="90">
        <v>1009</v>
      </c>
      <c r="E15" s="90">
        <v>1372</v>
      </c>
      <c r="F15" s="90">
        <v>1372</v>
      </c>
      <c r="G15" s="90">
        <v>1372</v>
      </c>
      <c r="H15" s="90">
        <v>1372</v>
      </c>
      <c r="I15" s="90">
        <v>1372</v>
      </c>
      <c r="J15" s="90">
        <v>1372</v>
      </c>
      <c r="K15" s="90">
        <v>1372</v>
      </c>
      <c r="L15" s="90">
        <v>1372</v>
      </c>
      <c r="M15" s="97">
        <v>1372</v>
      </c>
    </row>
    <row r="16" spans="1:16" s="91" customFormat="1" hidden="1">
      <c r="A16" s="89" t="s">
        <v>109</v>
      </c>
      <c r="B16" s="90">
        <v>0</v>
      </c>
      <c r="C16" s="90">
        <v>0</v>
      </c>
      <c r="D16" s="90">
        <v>0</v>
      </c>
      <c r="E16" s="90">
        <v>0</v>
      </c>
      <c r="F16" s="90">
        <v>0</v>
      </c>
      <c r="G16" s="90">
        <v>0</v>
      </c>
      <c r="H16" s="90">
        <v>0</v>
      </c>
      <c r="I16" s="90">
        <v>0</v>
      </c>
      <c r="J16" s="90">
        <v>0</v>
      </c>
      <c r="K16" s="90">
        <v>0</v>
      </c>
      <c r="L16" s="33">
        <v>0</v>
      </c>
      <c r="M16" s="98"/>
    </row>
    <row r="17" spans="1:16" s="91" customFormat="1">
      <c r="A17" s="89" t="s">
        <v>110</v>
      </c>
      <c r="B17" s="90">
        <v>6</v>
      </c>
      <c r="C17" s="90">
        <v>6</v>
      </c>
      <c r="D17" s="90">
        <v>6</v>
      </c>
      <c r="E17" s="90">
        <v>6</v>
      </c>
      <c r="F17" s="90">
        <v>8</v>
      </c>
      <c r="G17" s="90">
        <v>10</v>
      </c>
      <c r="H17" s="90">
        <v>10</v>
      </c>
      <c r="I17" s="90">
        <v>12</v>
      </c>
      <c r="J17" s="90">
        <v>14</v>
      </c>
      <c r="K17" s="90">
        <v>6</v>
      </c>
      <c r="L17" s="33">
        <v>8</v>
      </c>
      <c r="M17" s="99">
        <v>8</v>
      </c>
    </row>
    <row r="18" spans="1:16" s="91" customFormat="1">
      <c r="A18" s="89" t="s">
        <v>111</v>
      </c>
      <c r="B18" s="90">
        <v>287029.95</v>
      </c>
      <c r="C18" s="90">
        <v>237325.55</v>
      </c>
      <c r="D18" s="90">
        <v>302059.28999999998</v>
      </c>
      <c r="E18" s="90">
        <v>463156.5</v>
      </c>
      <c r="F18" s="90">
        <v>554690.19999999995</v>
      </c>
      <c r="G18" s="90">
        <v>814134.6</v>
      </c>
      <c r="H18" s="90">
        <v>839421.58</v>
      </c>
      <c r="I18" s="90">
        <v>871791.89</v>
      </c>
      <c r="J18" s="90">
        <v>1063559.73</v>
      </c>
      <c r="K18" s="90">
        <v>664423.5</v>
      </c>
      <c r="L18" s="90">
        <v>859768.6</v>
      </c>
      <c r="M18" s="97">
        <v>859768.6</v>
      </c>
    </row>
    <row r="19" spans="1:16" s="91" customFormat="1" hidden="1">
      <c r="A19" s="100" t="s">
        <v>112</v>
      </c>
      <c r="B19" s="101">
        <v>0</v>
      </c>
      <c r="C19" s="101">
        <v>0</v>
      </c>
      <c r="D19" s="101">
        <v>0</v>
      </c>
      <c r="E19" s="101">
        <v>0</v>
      </c>
      <c r="F19" s="101">
        <v>0</v>
      </c>
      <c r="G19" s="101">
        <v>0</v>
      </c>
      <c r="H19" s="101">
        <v>0</v>
      </c>
      <c r="I19" s="101">
        <v>0</v>
      </c>
      <c r="J19" s="101">
        <v>0</v>
      </c>
      <c r="K19" s="101">
        <v>0</v>
      </c>
      <c r="L19" s="101">
        <v>0</v>
      </c>
      <c r="M19" s="98"/>
    </row>
    <row r="20" spans="1:16" ht="12.75" hidden="1" customHeight="1">
      <c r="A20" s="93" t="s">
        <v>113</v>
      </c>
      <c r="B20" s="92">
        <v>0.1</v>
      </c>
      <c r="C20" s="92">
        <v>0.1</v>
      </c>
      <c r="D20" s="92">
        <v>0.1</v>
      </c>
      <c r="E20" s="92">
        <v>0.1</v>
      </c>
      <c r="F20" s="92">
        <v>0.1</v>
      </c>
      <c r="G20" s="92">
        <v>0.1</v>
      </c>
      <c r="H20" s="92">
        <v>0.1</v>
      </c>
      <c r="I20" s="92">
        <v>0.1</v>
      </c>
      <c r="J20" s="92">
        <v>0.1</v>
      </c>
      <c r="K20" s="92">
        <v>0.1</v>
      </c>
      <c r="L20" s="102">
        <v>0.1</v>
      </c>
      <c r="M20" s="85"/>
    </row>
    <row r="21" spans="1:16" ht="12.75" hidden="1" customHeight="1">
      <c r="A21" s="93" t="s">
        <v>114</v>
      </c>
      <c r="B21" s="94">
        <v>10</v>
      </c>
      <c r="C21" s="94">
        <v>10</v>
      </c>
      <c r="D21" s="94">
        <v>10</v>
      </c>
      <c r="E21" s="94">
        <v>10</v>
      </c>
      <c r="F21" s="94">
        <v>10</v>
      </c>
      <c r="G21" s="94">
        <v>10</v>
      </c>
      <c r="H21" s="94">
        <v>10</v>
      </c>
      <c r="I21" s="94">
        <v>10</v>
      </c>
      <c r="J21" s="94">
        <v>10</v>
      </c>
      <c r="K21" s="94">
        <v>10</v>
      </c>
      <c r="L21" s="69">
        <v>10</v>
      </c>
      <c r="M21" s="85"/>
    </row>
    <row r="22" spans="1:16" ht="12.75" hidden="1" customHeight="1">
      <c r="A22" s="93" t="s">
        <v>115</v>
      </c>
      <c r="B22" s="103">
        <v>0.09</v>
      </c>
      <c r="C22" s="103">
        <v>0.09</v>
      </c>
      <c r="D22" s="103">
        <v>0.09</v>
      </c>
      <c r="E22" s="103">
        <v>0.09</v>
      </c>
      <c r="F22" s="103">
        <v>0.09</v>
      </c>
      <c r="G22" s="103">
        <v>0.09</v>
      </c>
      <c r="H22" s="103">
        <v>0.09</v>
      </c>
      <c r="I22" s="103">
        <v>0.09</v>
      </c>
      <c r="J22" s="103">
        <v>0.09</v>
      </c>
      <c r="K22" s="103">
        <v>0.09</v>
      </c>
      <c r="L22" s="103">
        <v>0.09</v>
      </c>
      <c r="M22" s="104">
        <v>0.09</v>
      </c>
      <c r="O22" s="105"/>
    </row>
    <row r="23" spans="1:16" ht="12.75" customHeight="1">
      <c r="A23" s="93" t="s">
        <v>116</v>
      </c>
      <c r="B23" s="106">
        <v>0.4</v>
      </c>
      <c r="C23" s="106">
        <v>0.3</v>
      </c>
      <c r="D23" s="106">
        <v>0.46</v>
      </c>
      <c r="E23" s="106">
        <v>0.55000000000000004</v>
      </c>
      <c r="F23" s="106">
        <v>0.65</v>
      </c>
      <c r="G23" s="106">
        <v>0.71</v>
      </c>
      <c r="H23" s="106">
        <v>0.72</v>
      </c>
      <c r="I23" s="106">
        <v>0.75</v>
      </c>
      <c r="J23" s="106">
        <v>0.8</v>
      </c>
      <c r="K23" s="106">
        <v>2.9049999999999998</v>
      </c>
      <c r="L23" s="106">
        <v>2.9049999999999998</v>
      </c>
      <c r="M23" s="107">
        <v>2.9049999999999998</v>
      </c>
    </row>
    <row r="24" spans="1:16" ht="12.75" customHeight="1">
      <c r="A24" s="93" t="s">
        <v>117</v>
      </c>
      <c r="B24" s="106">
        <v>2.6259999999999999</v>
      </c>
      <c r="C24" s="108">
        <v>2.6259999999999999</v>
      </c>
      <c r="D24" s="108">
        <v>2.6259999999999999</v>
      </c>
      <c r="E24" s="108">
        <v>2.6259999999999999</v>
      </c>
      <c r="F24" s="108">
        <v>2.6259999999999999</v>
      </c>
      <c r="G24" s="108">
        <v>2.6259999999999999</v>
      </c>
      <c r="H24" s="108">
        <v>2.6259999999999999</v>
      </c>
      <c r="I24" s="108">
        <v>2.6259999999999999</v>
      </c>
      <c r="J24" s="108">
        <v>2.6259999999999999</v>
      </c>
      <c r="K24" s="106">
        <v>0.42887048750881046</v>
      </c>
      <c r="L24" s="108">
        <v>0.42887048750881046</v>
      </c>
      <c r="M24" s="137">
        <v>0.42887048750881046</v>
      </c>
    </row>
    <row r="25" spans="1:16" ht="12.75" customHeight="1">
      <c r="A25" s="109" t="s">
        <v>118</v>
      </c>
      <c r="B25" s="106">
        <v>1.0504</v>
      </c>
      <c r="C25" s="106">
        <v>0.78779999999999994</v>
      </c>
      <c r="D25" s="106">
        <v>1.2079599999999999</v>
      </c>
      <c r="E25" s="106">
        <v>1.4443000000000001</v>
      </c>
      <c r="F25" s="106">
        <v>1.7069000000000001</v>
      </c>
      <c r="G25" s="106">
        <v>1.8644599999999998</v>
      </c>
      <c r="H25" s="106">
        <v>1.89072</v>
      </c>
      <c r="I25" s="106">
        <v>1.9695</v>
      </c>
      <c r="J25" s="106">
        <v>2.1008</v>
      </c>
      <c r="K25" s="110">
        <v>1.2458687662130943</v>
      </c>
      <c r="L25" s="111">
        <v>1.2458687662130943</v>
      </c>
      <c r="M25" s="138">
        <v>1.2458687662130943</v>
      </c>
      <c r="O25" s="112"/>
    </row>
    <row r="26" spans="1:16" ht="12.75" customHeight="1">
      <c r="A26" s="109" t="s">
        <v>119</v>
      </c>
      <c r="B26" s="106">
        <v>1.6331637E-2</v>
      </c>
      <c r="C26" s="106">
        <v>1.683721782E-2</v>
      </c>
      <c r="D26" s="106">
        <v>1.6331637E-2</v>
      </c>
      <c r="E26" s="106">
        <v>1.6331637E-2</v>
      </c>
      <c r="F26" s="106">
        <v>1.6331637E-2</v>
      </c>
      <c r="G26" s="106">
        <v>4.7903850000000005E-2</v>
      </c>
      <c r="H26" s="106">
        <v>4.7903850000000005E-2</v>
      </c>
      <c r="I26" s="106">
        <v>4.7903850000000005E-2</v>
      </c>
      <c r="J26" s="106">
        <v>5.79645045E-2</v>
      </c>
      <c r="K26" s="106">
        <v>5.5175101799999987E-2</v>
      </c>
      <c r="L26" s="111">
        <v>5.5175101799999987E-2</v>
      </c>
      <c r="M26" s="138">
        <v>5.5175101799999987E-2</v>
      </c>
    </row>
    <row r="27" spans="1:16">
      <c r="A27" s="109" t="s">
        <v>120</v>
      </c>
      <c r="B27" s="106">
        <v>8.3299999999999999E-2</v>
      </c>
      <c r="C27" s="106">
        <v>7.7299999999999994E-2</v>
      </c>
      <c r="D27" s="106">
        <v>8.3299999999999999E-2</v>
      </c>
      <c r="E27" s="106">
        <v>0.1047</v>
      </c>
      <c r="F27" s="106">
        <v>0.13950000000000001</v>
      </c>
      <c r="G27" s="106">
        <v>0.1744</v>
      </c>
      <c r="H27" s="106">
        <v>0.1744</v>
      </c>
      <c r="I27" s="106">
        <v>0.20630000000000001</v>
      </c>
      <c r="J27" s="106">
        <v>0.2407</v>
      </c>
      <c r="K27" s="106">
        <v>0.1047</v>
      </c>
      <c r="L27" s="111">
        <v>0.13950000000000001</v>
      </c>
      <c r="M27" s="138">
        <v>0.13950000000000001</v>
      </c>
      <c r="N27" s="113"/>
    </row>
    <row r="28" spans="1:16">
      <c r="A28" s="109" t="s">
        <v>121</v>
      </c>
      <c r="B28" s="106">
        <v>1.1500316369999999</v>
      </c>
      <c r="C28" s="106">
        <v>0.88193721782000001</v>
      </c>
      <c r="D28" s="106">
        <v>1.3075916369999998</v>
      </c>
      <c r="E28" s="106">
        <v>1.5653316370000001</v>
      </c>
      <c r="F28" s="106">
        <v>1.862731637</v>
      </c>
      <c r="G28" s="106">
        <v>2.0867638499999996</v>
      </c>
      <c r="H28" s="106">
        <v>2.1130238499999998</v>
      </c>
      <c r="I28" s="106">
        <v>2.2237038500000001</v>
      </c>
      <c r="J28" s="106">
        <v>2.3994645045</v>
      </c>
      <c r="K28" s="106">
        <v>1.4057438680130943</v>
      </c>
      <c r="L28" s="106">
        <v>1.4405438680130942</v>
      </c>
      <c r="M28" s="107">
        <v>1.4405438680130942</v>
      </c>
    </row>
    <row r="29" spans="1:16">
      <c r="A29" s="93"/>
      <c r="B29" s="106"/>
      <c r="C29" s="106"/>
      <c r="D29" s="106"/>
      <c r="E29" s="106"/>
      <c r="F29" s="106"/>
      <c r="G29" s="106"/>
      <c r="H29" s="106"/>
      <c r="I29" s="106"/>
      <c r="J29" s="106"/>
      <c r="K29" s="106"/>
      <c r="L29" s="111"/>
      <c r="M29" s="137"/>
    </row>
    <row r="30" spans="1:16">
      <c r="A30" s="114" t="s">
        <v>122</v>
      </c>
      <c r="B30" s="115"/>
      <c r="C30" s="115"/>
      <c r="D30" s="115"/>
      <c r="E30" s="115"/>
      <c r="F30" s="115"/>
      <c r="G30" s="115"/>
      <c r="H30" s="115"/>
      <c r="I30" s="115"/>
      <c r="J30" s="115"/>
      <c r="K30" s="115"/>
      <c r="L30" s="116"/>
      <c r="M30" s="117"/>
    </row>
    <row r="31" spans="1:16">
      <c r="A31" s="118" t="s">
        <v>123</v>
      </c>
      <c r="B31" s="119">
        <v>0</v>
      </c>
      <c r="C31" s="119">
        <v>0</v>
      </c>
      <c r="D31" s="119">
        <v>0</v>
      </c>
      <c r="E31" s="119">
        <v>0</v>
      </c>
      <c r="F31" s="119">
        <v>0</v>
      </c>
      <c r="G31" s="119">
        <v>0</v>
      </c>
      <c r="H31" s="119">
        <v>0</v>
      </c>
      <c r="I31" s="119">
        <v>0</v>
      </c>
      <c r="J31" s="119">
        <v>0</v>
      </c>
      <c r="K31" s="120">
        <v>0</v>
      </c>
      <c r="L31" s="120">
        <v>0</v>
      </c>
      <c r="M31" s="121">
        <v>0</v>
      </c>
      <c r="N31" s="122"/>
      <c r="P31" s="122"/>
    </row>
    <row r="32" spans="1:16">
      <c r="A32" s="123" t="s">
        <v>124</v>
      </c>
      <c r="B32" s="124">
        <v>0</v>
      </c>
      <c r="C32" s="124">
        <v>0</v>
      </c>
      <c r="D32" s="124">
        <v>0</v>
      </c>
      <c r="E32" s="124">
        <v>0</v>
      </c>
      <c r="F32" s="124">
        <v>0</v>
      </c>
      <c r="G32" s="124">
        <v>0</v>
      </c>
      <c r="H32" s="124">
        <v>0</v>
      </c>
      <c r="I32" s="124">
        <v>0</v>
      </c>
      <c r="J32" s="124">
        <v>0</v>
      </c>
      <c r="K32" s="90">
        <v>0</v>
      </c>
      <c r="L32" s="90">
        <v>0</v>
      </c>
      <c r="M32" s="97">
        <v>0</v>
      </c>
      <c r="P32" s="122"/>
    </row>
    <row r="33" spans="1:16">
      <c r="A33" s="123" t="s">
        <v>125</v>
      </c>
      <c r="B33" s="124">
        <v>0</v>
      </c>
      <c r="C33" s="124">
        <v>0</v>
      </c>
      <c r="D33" s="124">
        <v>0</v>
      </c>
      <c r="E33" s="124">
        <v>0</v>
      </c>
      <c r="F33" s="124">
        <v>0</v>
      </c>
      <c r="G33" s="124">
        <v>0</v>
      </c>
      <c r="H33" s="124">
        <v>0</v>
      </c>
      <c r="I33" s="124">
        <v>0</v>
      </c>
      <c r="J33" s="124">
        <v>0</v>
      </c>
      <c r="K33" s="90">
        <v>0</v>
      </c>
      <c r="L33" s="90">
        <v>0</v>
      </c>
      <c r="M33" s="97">
        <v>0</v>
      </c>
      <c r="P33" s="122"/>
    </row>
    <row r="34" spans="1:16">
      <c r="A34" s="123" t="s">
        <v>126</v>
      </c>
      <c r="B34" s="124">
        <v>0</v>
      </c>
      <c r="C34" s="124">
        <v>0</v>
      </c>
      <c r="D34" s="124">
        <v>0</v>
      </c>
      <c r="E34" s="124">
        <v>0</v>
      </c>
      <c r="F34" s="124">
        <v>0</v>
      </c>
      <c r="G34" s="124">
        <v>0</v>
      </c>
      <c r="H34" s="124">
        <v>0</v>
      </c>
      <c r="I34" s="124">
        <v>0</v>
      </c>
      <c r="J34" s="124">
        <v>0</v>
      </c>
      <c r="K34" s="90">
        <v>0</v>
      </c>
      <c r="L34" s="90">
        <v>0</v>
      </c>
      <c r="M34" s="97">
        <v>0</v>
      </c>
      <c r="P34" s="122"/>
    </row>
    <row r="35" spans="1:16">
      <c r="A35" s="118"/>
      <c r="B35" s="119"/>
      <c r="C35" s="119"/>
      <c r="D35" s="119"/>
      <c r="E35" s="119"/>
      <c r="F35" s="119"/>
      <c r="G35" s="119"/>
      <c r="H35" s="119"/>
      <c r="I35" s="119"/>
      <c r="J35" s="119"/>
      <c r="K35" s="119"/>
      <c r="L35" s="119"/>
      <c r="M35" s="125"/>
    </row>
    <row r="36" spans="1:16">
      <c r="A36" s="126" t="s">
        <v>127</v>
      </c>
      <c r="B36" s="127">
        <v>498.82</v>
      </c>
      <c r="C36" s="127">
        <v>498.82</v>
      </c>
      <c r="D36" s="127">
        <v>641.34</v>
      </c>
      <c r="E36" s="127">
        <v>641.34</v>
      </c>
      <c r="F36" s="127">
        <v>712.6</v>
      </c>
      <c r="G36" s="127">
        <v>926.39</v>
      </c>
      <c r="H36" s="127">
        <v>926.39</v>
      </c>
      <c r="I36" s="127">
        <v>926.39</v>
      </c>
      <c r="J36" s="127">
        <v>1282.69</v>
      </c>
      <c r="K36" s="94">
        <v>2524.4444444444443</v>
      </c>
      <c r="L36" s="94">
        <v>2524.4444444444443</v>
      </c>
      <c r="M36" s="128">
        <v>2524.4444444444443</v>
      </c>
    </row>
    <row r="37" spans="1:16">
      <c r="A37" s="109"/>
      <c r="B37" s="94"/>
      <c r="C37" s="94"/>
      <c r="D37" s="94"/>
      <c r="E37" s="94"/>
      <c r="F37" s="94"/>
      <c r="G37" s="94"/>
      <c r="H37" s="94"/>
      <c r="I37" s="94"/>
      <c r="J37" s="94"/>
      <c r="K37" s="94"/>
      <c r="L37" s="94"/>
      <c r="M37" s="128"/>
    </row>
    <row r="38" spans="1:16">
      <c r="A38" s="118" t="s">
        <v>128</v>
      </c>
      <c r="B38" s="129">
        <v>256.76107500000001</v>
      </c>
      <c r="C38" s="129">
        <v>256.76107500000001</v>
      </c>
      <c r="D38" s="129">
        <v>256.76107500000001</v>
      </c>
      <c r="E38" s="129">
        <v>256.76107500000001</v>
      </c>
      <c r="F38" s="129">
        <v>256.76107500000001</v>
      </c>
      <c r="G38" s="129">
        <v>256.76107500000001</v>
      </c>
      <c r="H38" s="129">
        <v>256.76107500000001</v>
      </c>
      <c r="I38" s="129">
        <v>256.76107500000001</v>
      </c>
      <c r="J38" s="129">
        <v>256.76107500000001</v>
      </c>
      <c r="K38" s="129">
        <v>231.76107500000001</v>
      </c>
      <c r="L38" s="129">
        <v>231.76107500000001</v>
      </c>
      <c r="M38" s="130">
        <v>231.76107500000001</v>
      </c>
    </row>
    <row r="39" spans="1:16">
      <c r="A39" s="118"/>
      <c r="B39" s="119"/>
      <c r="C39" s="119"/>
      <c r="D39" s="119"/>
      <c r="E39" s="119"/>
      <c r="F39" s="119"/>
      <c r="G39" s="119"/>
      <c r="H39" s="119"/>
      <c r="I39" s="119"/>
      <c r="J39" s="119"/>
      <c r="K39" s="119"/>
      <c r="L39" s="119"/>
      <c r="M39" s="125"/>
      <c r="N39" s="122"/>
    </row>
    <row r="40" spans="1:16">
      <c r="A40" s="118" t="s">
        <v>129</v>
      </c>
      <c r="B40" s="119">
        <v>2129.7622289999999</v>
      </c>
      <c r="C40" s="119">
        <v>1760.9555809999999</v>
      </c>
      <c r="D40" s="119">
        <v>2241.2799317999998</v>
      </c>
      <c r="E40" s="119">
        <v>3436.6212300000002</v>
      </c>
      <c r="F40" s="119">
        <v>4115.8012839999992</v>
      </c>
      <c r="G40" s="119">
        <v>6040.8787320000001</v>
      </c>
      <c r="H40" s="119">
        <v>6228.5081235999996</v>
      </c>
      <c r="I40" s="119">
        <v>6468.6958237999997</v>
      </c>
      <c r="J40" s="119">
        <v>7891.6131965999994</v>
      </c>
      <c r="K40" s="119">
        <v>4930.0223699999997</v>
      </c>
      <c r="L40" s="119">
        <v>6379.4830119999997</v>
      </c>
      <c r="M40" s="125">
        <v>7754.4830119999997</v>
      </c>
      <c r="N40" s="135"/>
    </row>
    <row r="41" spans="1:16">
      <c r="A41" s="118" t="s">
        <v>130</v>
      </c>
      <c r="B41" s="119">
        <v>2734.6220788593273</v>
      </c>
      <c r="C41" s="119">
        <v>2734.6220788593273</v>
      </c>
      <c r="D41" s="119">
        <v>2734.6220788593273</v>
      </c>
      <c r="E41" s="119">
        <v>2734.6220788593273</v>
      </c>
      <c r="F41" s="119">
        <v>2734.6220788593273</v>
      </c>
      <c r="G41" s="119">
        <v>3602.1531788702209</v>
      </c>
      <c r="H41" s="119">
        <v>3602.1531788702209</v>
      </c>
      <c r="I41" s="119">
        <v>3602.1531788702209</v>
      </c>
      <c r="J41" s="119">
        <v>3602.1531788702209</v>
      </c>
      <c r="K41" s="119">
        <v>4446.1421273123669</v>
      </c>
      <c r="L41" s="119">
        <v>4446.1421273123669</v>
      </c>
      <c r="M41" s="125">
        <v>4446.1421273123669</v>
      </c>
    </row>
    <row r="42" spans="1:16" ht="13.5" thickBot="1">
      <c r="A42" s="131" t="s">
        <v>131</v>
      </c>
      <c r="B42" s="132">
        <v>3243.34</v>
      </c>
      <c r="C42" s="132">
        <v>3243.34</v>
      </c>
      <c r="D42" s="132">
        <v>3243.34</v>
      </c>
      <c r="E42" s="132">
        <v>3243.34</v>
      </c>
      <c r="F42" s="132">
        <v>3243.34</v>
      </c>
      <c r="G42" s="132">
        <v>3243.34</v>
      </c>
      <c r="H42" s="132">
        <v>3243.34</v>
      </c>
      <c r="I42" s="132">
        <v>3243.34</v>
      </c>
      <c r="J42" s="132">
        <v>3243.34</v>
      </c>
      <c r="K42" s="132">
        <v>3243.34</v>
      </c>
      <c r="L42" s="132">
        <v>3243.34</v>
      </c>
      <c r="M42" s="139">
        <v>3243.34</v>
      </c>
    </row>
    <row r="43" spans="1:16" ht="13.5" thickBot="1">
      <c r="A43" s="133" t="s">
        <v>132</v>
      </c>
      <c r="B43" s="134">
        <v>8863.3053828593274</v>
      </c>
      <c r="C43" s="134">
        <v>8494.4987348593277</v>
      </c>
      <c r="D43" s="134">
        <v>9117.3430856593277</v>
      </c>
      <c r="E43" s="134">
        <v>10312.684383859327</v>
      </c>
      <c r="F43" s="134">
        <v>11063.124437859327</v>
      </c>
      <c r="G43" s="134">
        <v>14069.522985870221</v>
      </c>
      <c r="H43" s="134">
        <v>14257.15237747022</v>
      </c>
      <c r="I43" s="134">
        <v>14497.34007767022</v>
      </c>
      <c r="J43" s="134">
        <v>16276.557450470222</v>
      </c>
      <c r="K43" s="134">
        <v>15375.710016756813</v>
      </c>
      <c r="L43" s="134">
        <v>16825.170658756811</v>
      </c>
      <c r="M43" s="140">
        <v>18200.170658756811</v>
      </c>
    </row>
  </sheetData>
  <pageMargins left="0.35433070866141736" right="0.31496062992125984" top="0.21" bottom="0.16" header="0.19685039370078741" footer="0.16"/>
  <pageSetup paperSize="9" scale="81" orientation="landscape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>
  <dimension ref="A1:J36"/>
  <sheetViews>
    <sheetView view="pageBreakPreview" topLeftCell="A13" zoomScale="80" zoomScaleNormal="100" zoomScaleSheetLayoutView="80" workbookViewId="0">
      <selection activeCell="L32" sqref="L32"/>
    </sheetView>
  </sheetViews>
  <sheetFormatPr defaultRowHeight="12.75"/>
  <sheetData>
    <row r="1" spans="1:10" ht="15.75">
      <c r="A1" s="147"/>
      <c r="B1" s="148"/>
      <c r="C1" s="149"/>
      <c r="D1" s="147"/>
    </row>
    <row r="2" spans="1:10" ht="15.75">
      <c r="A2" s="147"/>
      <c r="B2" s="148"/>
      <c r="C2" s="149"/>
      <c r="D2" s="147"/>
    </row>
    <row r="3" spans="1:10" ht="15">
      <c r="A3" s="147"/>
      <c r="B3" s="147"/>
      <c r="C3" s="149"/>
      <c r="D3" s="147"/>
    </row>
    <row r="4" spans="1:10" ht="15.75">
      <c r="A4" s="147"/>
      <c r="B4" s="150"/>
      <c r="C4" s="150"/>
      <c r="D4" s="147"/>
      <c r="E4" s="151" t="s">
        <v>137</v>
      </c>
      <c r="F4" s="151"/>
    </row>
    <row r="5" spans="1:10" ht="15.75">
      <c r="A5" s="152"/>
      <c r="B5" s="147"/>
      <c r="D5" s="147"/>
      <c r="J5" s="149" t="s">
        <v>138</v>
      </c>
    </row>
    <row r="6" spans="1:10" ht="15.75">
      <c r="A6" s="147"/>
      <c r="B6" s="153" t="s">
        <v>139</v>
      </c>
      <c r="D6" s="147"/>
      <c r="J6" s="149">
        <v>2</v>
      </c>
    </row>
    <row r="7" spans="1:10" ht="15">
      <c r="A7" s="147"/>
      <c r="B7" s="147"/>
      <c r="D7" s="147"/>
      <c r="J7" s="149"/>
    </row>
    <row r="8" spans="1:10" ht="15.75">
      <c r="A8" s="154"/>
      <c r="B8" s="153" t="s">
        <v>55</v>
      </c>
      <c r="D8" s="147"/>
      <c r="J8" s="149">
        <v>5</v>
      </c>
    </row>
    <row r="9" spans="1:10" ht="15">
      <c r="A9" s="147"/>
      <c r="B9" s="154"/>
      <c r="D9" s="147"/>
      <c r="J9" s="149"/>
    </row>
    <row r="10" spans="1:10" ht="15.75">
      <c r="A10" s="155"/>
      <c r="B10" s="153" t="s">
        <v>87</v>
      </c>
      <c r="D10" s="147"/>
      <c r="J10" s="149">
        <v>6</v>
      </c>
    </row>
    <row r="11" spans="1:10" ht="15">
      <c r="A11" s="154"/>
      <c r="B11" s="154"/>
      <c r="D11" s="147"/>
      <c r="J11" s="149"/>
    </row>
    <row r="12" spans="1:10" ht="15.75">
      <c r="A12" s="154"/>
      <c r="B12" s="153" t="s">
        <v>88</v>
      </c>
      <c r="D12" s="147"/>
      <c r="J12" s="149">
        <v>7</v>
      </c>
    </row>
    <row r="13" spans="1:10" ht="15">
      <c r="A13" s="154"/>
      <c r="B13" s="154"/>
      <c r="D13" s="147"/>
      <c r="J13" s="149"/>
    </row>
    <row r="14" spans="1:10" ht="15.75">
      <c r="A14" s="154"/>
      <c r="B14" s="153" t="s">
        <v>89</v>
      </c>
      <c r="D14" s="147"/>
      <c r="J14" s="149">
        <v>8</v>
      </c>
    </row>
    <row r="15" spans="1:10" ht="15">
      <c r="A15" s="154"/>
      <c r="B15" s="154"/>
      <c r="D15" s="147"/>
      <c r="J15" s="149"/>
    </row>
    <row r="16" spans="1:10" ht="15.75">
      <c r="A16" s="154"/>
      <c r="B16" s="153" t="s">
        <v>90</v>
      </c>
      <c r="D16" s="147"/>
      <c r="J16" s="149">
        <v>9</v>
      </c>
    </row>
    <row r="17" spans="1:10" ht="15">
      <c r="A17" s="154"/>
      <c r="B17" s="154"/>
      <c r="D17" s="147"/>
      <c r="J17" s="149"/>
    </row>
    <row r="18" spans="1:10" ht="15.75">
      <c r="A18" s="154"/>
      <c r="B18" s="153" t="s">
        <v>91</v>
      </c>
      <c r="D18" s="147"/>
      <c r="J18" s="149">
        <v>10</v>
      </c>
    </row>
    <row r="19" spans="1:10" ht="15">
      <c r="A19" s="154"/>
      <c r="B19" s="154"/>
      <c r="D19" s="147"/>
      <c r="J19" s="149"/>
    </row>
    <row r="20" spans="1:10" ht="15.75">
      <c r="A20" s="156"/>
      <c r="B20" s="153" t="s">
        <v>140</v>
      </c>
      <c r="D20" s="147"/>
      <c r="J20" s="149">
        <v>11</v>
      </c>
    </row>
    <row r="21" spans="1:10" ht="15">
      <c r="A21" s="154"/>
      <c r="B21" s="154"/>
      <c r="D21" s="147"/>
      <c r="J21" s="149"/>
    </row>
    <row r="22" spans="1:10" ht="15.75">
      <c r="A22" s="154"/>
      <c r="B22" s="153" t="s">
        <v>92</v>
      </c>
      <c r="D22" s="147"/>
      <c r="J22" s="149">
        <v>12</v>
      </c>
    </row>
    <row r="23" spans="1:10" ht="15.75">
      <c r="A23" s="154"/>
      <c r="B23" s="156"/>
      <c r="D23" s="147"/>
      <c r="J23" s="149"/>
    </row>
    <row r="24" spans="1:10" ht="15.75">
      <c r="A24" s="154"/>
      <c r="B24" s="153" t="s">
        <v>93</v>
      </c>
      <c r="D24" s="147"/>
      <c r="J24" s="149">
        <v>13</v>
      </c>
    </row>
    <row r="25" spans="1:10" ht="15">
      <c r="A25" s="147"/>
      <c r="B25" s="154"/>
      <c r="D25" s="147"/>
      <c r="J25" s="149"/>
    </row>
    <row r="26" spans="1:10" ht="15.75">
      <c r="A26" s="154"/>
      <c r="B26" s="153" t="s">
        <v>94</v>
      </c>
      <c r="D26" s="147"/>
      <c r="J26" s="149">
        <v>14</v>
      </c>
    </row>
    <row r="27" spans="1:10" ht="15">
      <c r="A27" s="154"/>
      <c r="B27" s="154"/>
      <c r="D27" s="147"/>
      <c r="J27" s="149"/>
    </row>
    <row r="28" spans="1:10" ht="15.75">
      <c r="A28" s="154"/>
      <c r="B28" s="153" t="s">
        <v>141</v>
      </c>
      <c r="D28" s="147"/>
      <c r="J28" s="149">
        <v>15</v>
      </c>
    </row>
    <row r="29" spans="1:10" ht="15">
      <c r="A29" s="154"/>
      <c r="B29" s="154"/>
      <c r="D29" s="147"/>
      <c r="J29" s="149"/>
    </row>
    <row r="30" spans="1:10" ht="15.75">
      <c r="A30" s="156"/>
      <c r="B30" s="153" t="s">
        <v>142</v>
      </c>
      <c r="D30" s="147"/>
      <c r="J30" s="149">
        <v>16</v>
      </c>
    </row>
    <row r="31" spans="1:10" ht="15.75">
      <c r="A31" s="154"/>
      <c r="B31" s="156"/>
      <c r="D31" s="147"/>
      <c r="J31" s="149"/>
    </row>
    <row r="32" spans="1:10" ht="15.75">
      <c r="A32" s="154"/>
      <c r="B32" s="153" t="s">
        <v>179</v>
      </c>
      <c r="D32" s="147"/>
      <c r="J32" s="149">
        <v>17</v>
      </c>
    </row>
    <row r="33" spans="1:10" ht="15">
      <c r="A33" s="147"/>
      <c r="B33" s="154"/>
      <c r="D33" s="147"/>
      <c r="J33" s="149"/>
    </row>
    <row r="34" spans="1:10" ht="15">
      <c r="A34" s="154"/>
      <c r="B34" s="154"/>
      <c r="D34" s="147"/>
      <c r="J34" s="149"/>
    </row>
    <row r="35" spans="1:10" ht="15">
      <c r="A35" s="147"/>
      <c r="B35" s="157"/>
      <c r="C35" s="149"/>
      <c r="D35" s="147"/>
    </row>
    <row r="36" spans="1:10" ht="15">
      <c r="A36" s="147"/>
      <c r="B36" s="157"/>
      <c r="C36" s="149"/>
      <c r="D36" s="147"/>
    </row>
  </sheetData>
  <mergeCells count="1">
    <mergeCell ref="E4:F4"/>
  </mergeCells>
  <pageMargins left="0.511811024" right="0.511811024" top="0.78740157499999996" bottom="0.78740157499999996" header="0.31496062000000002" footer="0.31496062000000002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>
  <sheetPr codeName="Plan37"/>
  <dimension ref="A1:W247"/>
  <sheetViews>
    <sheetView view="pageBreakPreview" zoomScale="80" zoomScaleNormal="100" zoomScaleSheetLayoutView="80" zoomScalePageLayoutView="70" workbookViewId="0">
      <selection activeCell="K247" sqref="K247"/>
    </sheetView>
  </sheetViews>
  <sheetFormatPr defaultRowHeight="11.25"/>
  <cols>
    <col min="1" max="1" width="19.42578125" style="2" customWidth="1"/>
    <col min="2" max="2" width="12.140625" style="2" customWidth="1"/>
    <col min="3" max="3" width="10.28515625" style="2" customWidth="1"/>
    <col min="4" max="4" width="12.140625" style="2" customWidth="1"/>
    <col min="5" max="5" width="9.85546875" style="2" bestFit="1" customWidth="1"/>
    <col min="6" max="6" width="9" style="2" customWidth="1"/>
    <col min="7" max="7" width="10.5703125" style="2" customWidth="1"/>
    <col min="8" max="9" width="9" style="2" customWidth="1"/>
    <col min="10" max="10" width="9.42578125" style="2" customWidth="1"/>
    <col min="11" max="11" width="9.7109375" style="2" customWidth="1"/>
    <col min="12" max="12" width="10" style="2" customWidth="1"/>
    <col min="13" max="13" width="9" style="2" customWidth="1"/>
    <col min="14" max="14" width="11.140625" style="2" customWidth="1"/>
    <col min="15" max="15" width="10" style="2" customWidth="1"/>
    <col min="16" max="23" width="9" style="2" customWidth="1"/>
    <col min="24" max="16384" width="9.140625" style="2"/>
  </cols>
  <sheetData>
    <row r="1" spans="1:23" ht="18">
      <c r="A1" s="158" t="s">
        <v>139</v>
      </c>
    </row>
    <row r="4" spans="1:23">
      <c r="A4" s="1"/>
    </row>
    <row r="5" spans="1:23" ht="18">
      <c r="A5" s="158" t="s">
        <v>143</v>
      </c>
      <c r="B5" s="1"/>
      <c r="C5" s="3"/>
    </row>
    <row r="6" spans="1:23" ht="15.75">
      <c r="A6" s="159" t="s">
        <v>144</v>
      </c>
      <c r="B6" s="4"/>
      <c r="C6" s="160">
        <v>0.1</v>
      </c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</row>
    <row r="7" spans="1:23">
      <c r="A7" s="5" t="s">
        <v>0</v>
      </c>
      <c r="B7" s="6" t="s">
        <v>1</v>
      </c>
      <c r="C7" s="6" t="s">
        <v>2</v>
      </c>
      <c r="D7" s="6" t="s">
        <v>3</v>
      </c>
      <c r="E7" s="6" t="s">
        <v>4</v>
      </c>
      <c r="F7" s="6" t="s">
        <v>5</v>
      </c>
      <c r="G7" s="6" t="s">
        <v>6</v>
      </c>
      <c r="H7" s="6" t="s">
        <v>7</v>
      </c>
      <c r="I7" s="6" t="s">
        <v>8</v>
      </c>
      <c r="J7" s="6" t="s">
        <v>9</v>
      </c>
      <c r="K7" s="6" t="s">
        <v>10</v>
      </c>
      <c r="L7" s="6" t="s">
        <v>11</v>
      </c>
      <c r="M7" s="6" t="s">
        <v>12</v>
      </c>
      <c r="N7" s="6" t="s">
        <v>13</v>
      </c>
      <c r="O7" s="6" t="s">
        <v>14</v>
      </c>
      <c r="P7" s="6" t="s">
        <v>15</v>
      </c>
      <c r="Q7" s="6" t="s">
        <v>16</v>
      </c>
      <c r="R7" s="6" t="s">
        <v>17</v>
      </c>
      <c r="S7" s="6" t="s">
        <v>18</v>
      </c>
      <c r="T7" s="6" t="s">
        <v>19</v>
      </c>
      <c r="U7" s="6" t="s">
        <v>20</v>
      </c>
      <c r="V7" s="6" t="s">
        <v>21</v>
      </c>
      <c r="W7" s="6" t="s">
        <v>22</v>
      </c>
    </row>
    <row r="8" spans="1:23">
      <c r="A8" s="7" t="s">
        <v>23</v>
      </c>
      <c r="B8" s="8">
        <v>1</v>
      </c>
      <c r="C8" s="9">
        <v>1</v>
      </c>
      <c r="D8" s="9">
        <v>1</v>
      </c>
      <c r="E8" s="9">
        <v>1</v>
      </c>
      <c r="F8" s="9">
        <v>1</v>
      </c>
      <c r="G8" s="9">
        <v>1</v>
      </c>
      <c r="H8" s="9">
        <v>1</v>
      </c>
      <c r="I8" s="9">
        <v>1</v>
      </c>
      <c r="J8" s="9">
        <v>1</v>
      </c>
      <c r="K8" s="9">
        <v>1</v>
      </c>
      <c r="L8" s="9">
        <v>1</v>
      </c>
      <c r="M8" s="9">
        <v>1</v>
      </c>
      <c r="N8" s="9">
        <v>1</v>
      </c>
      <c r="O8" s="9">
        <v>1</v>
      </c>
      <c r="P8" s="9">
        <v>1</v>
      </c>
      <c r="Q8" s="9">
        <v>1</v>
      </c>
      <c r="R8" s="9">
        <v>1</v>
      </c>
      <c r="S8" s="9">
        <v>1</v>
      </c>
      <c r="T8" s="9">
        <v>1</v>
      </c>
      <c r="U8" s="9">
        <v>1</v>
      </c>
      <c r="V8" s="9">
        <v>1</v>
      </c>
      <c r="W8" s="9">
        <v>1</v>
      </c>
    </row>
    <row r="9" spans="1:23">
      <c r="A9" s="10" t="s">
        <v>24</v>
      </c>
      <c r="B9" s="11">
        <v>0.77500000000000002</v>
      </c>
      <c r="C9" s="9">
        <v>1</v>
      </c>
      <c r="D9" s="9">
        <v>1</v>
      </c>
      <c r="E9" s="9">
        <v>1</v>
      </c>
      <c r="F9" s="9">
        <v>1</v>
      </c>
      <c r="G9" s="9">
        <v>1</v>
      </c>
      <c r="H9" s="9">
        <v>1</v>
      </c>
      <c r="I9" s="9">
        <v>1</v>
      </c>
      <c r="J9" s="9">
        <v>1</v>
      </c>
      <c r="K9" s="9">
        <v>1</v>
      </c>
      <c r="L9" s="9">
        <v>1</v>
      </c>
      <c r="M9" s="9">
        <v>1</v>
      </c>
      <c r="N9" s="9">
        <v>1</v>
      </c>
      <c r="O9" s="9">
        <v>1</v>
      </c>
      <c r="P9" s="9">
        <v>1</v>
      </c>
      <c r="Q9" s="9">
        <v>1</v>
      </c>
      <c r="R9" s="9">
        <v>1</v>
      </c>
      <c r="S9" s="9">
        <v>1</v>
      </c>
      <c r="T9" s="9">
        <v>1</v>
      </c>
      <c r="U9" s="9">
        <v>1</v>
      </c>
      <c r="V9" s="9">
        <v>1</v>
      </c>
      <c r="W9" s="9">
        <v>1</v>
      </c>
    </row>
    <row r="10" spans="1:23">
      <c r="A10" s="10" t="s">
        <v>25</v>
      </c>
      <c r="B10" s="11">
        <v>0.58209999999999995</v>
      </c>
      <c r="C10" s="9">
        <v>1</v>
      </c>
      <c r="D10" s="9">
        <v>1</v>
      </c>
      <c r="E10" s="9">
        <v>1</v>
      </c>
      <c r="F10" s="9">
        <v>1</v>
      </c>
      <c r="G10" s="9">
        <v>1</v>
      </c>
      <c r="H10" s="9">
        <v>1</v>
      </c>
      <c r="I10" s="9">
        <v>1</v>
      </c>
      <c r="J10" s="9">
        <v>1</v>
      </c>
      <c r="K10" s="9">
        <v>1</v>
      </c>
      <c r="L10" s="9">
        <v>1</v>
      </c>
      <c r="M10" s="9">
        <v>1</v>
      </c>
      <c r="N10" s="9">
        <v>1</v>
      </c>
      <c r="O10" s="9">
        <v>1</v>
      </c>
      <c r="P10" s="9">
        <v>1</v>
      </c>
      <c r="Q10" s="9">
        <v>1</v>
      </c>
      <c r="R10" s="9">
        <v>1</v>
      </c>
      <c r="S10" s="9">
        <v>1</v>
      </c>
      <c r="T10" s="9">
        <v>1</v>
      </c>
      <c r="U10" s="9">
        <v>1</v>
      </c>
      <c r="V10" s="9">
        <v>1</v>
      </c>
      <c r="W10" s="9">
        <v>1</v>
      </c>
    </row>
    <row r="11" spans="1:23">
      <c r="A11" s="12" t="s">
        <v>26</v>
      </c>
      <c r="B11" s="11">
        <v>0.4214</v>
      </c>
      <c r="C11" s="9">
        <v>1</v>
      </c>
      <c r="D11" s="9">
        <v>1</v>
      </c>
      <c r="E11" s="9">
        <v>1</v>
      </c>
      <c r="F11" s="9">
        <v>1</v>
      </c>
      <c r="G11" s="9">
        <v>1</v>
      </c>
      <c r="H11" s="9">
        <v>1</v>
      </c>
      <c r="I11" s="9">
        <v>1</v>
      </c>
      <c r="J11" s="9">
        <v>1</v>
      </c>
      <c r="K11" s="9">
        <v>1</v>
      </c>
      <c r="L11" s="9">
        <v>1</v>
      </c>
      <c r="M11" s="9">
        <v>1</v>
      </c>
      <c r="N11" s="9">
        <v>1</v>
      </c>
      <c r="O11" s="9">
        <v>1</v>
      </c>
      <c r="P11" s="9">
        <v>1</v>
      </c>
      <c r="Q11" s="9">
        <v>1</v>
      </c>
      <c r="R11" s="9">
        <v>1</v>
      </c>
      <c r="S11" s="9">
        <v>1</v>
      </c>
      <c r="T11" s="9">
        <v>1</v>
      </c>
      <c r="U11" s="9">
        <v>1</v>
      </c>
      <c r="V11" s="9">
        <v>1</v>
      </c>
      <c r="W11" s="9">
        <v>1</v>
      </c>
    </row>
    <row r="12" spans="1:23">
      <c r="A12" s="10" t="s">
        <v>27</v>
      </c>
      <c r="B12" s="11">
        <v>0.2928</v>
      </c>
      <c r="C12" s="9">
        <v>1</v>
      </c>
      <c r="D12" s="9">
        <v>1</v>
      </c>
      <c r="E12" s="9">
        <v>1</v>
      </c>
      <c r="F12" s="9">
        <v>1</v>
      </c>
      <c r="G12" s="9">
        <v>1</v>
      </c>
      <c r="H12" s="9">
        <v>1</v>
      </c>
      <c r="I12" s="9">
        <v>1</v>
      </c>
      <c r="J12" s="9">
        <v>1</v>
      </c>
      <c r="K12" s="9">
        <v>1</v>
      </c>
      <c r="L12" s="9">
        <v>1</v>
      </c>
      <c r="M12" s="9">
        <v>1</v>
      </c>
      <c r="N12" s="9">
        <v>1</v>
      </c>
      <c r="O12" s="9">
        <v>1</v>
      </c>
      <c r="P12" s="9">
        <v>1</v>
      </c>
      <c r="Q12" s="9">
        <v>1</v>
      </c>
      <c r="R12" s="9">
        <v>1</v>
      </c>
      <c r="S12" s="9">
        <v>1</v>
      </c>
      <c r="T12" s="9">
        <v>1</v>
      </c>
      <c r="U12" s="9">
        <v>1</v>
      </c>
      <c r="V12" s="9">
        <v>1</v>
      </c>
      <c r="W12" s="9">
        <v>1</v>
      </c>
    </row>
    <row r="13" spans="1:23">
      <c r="A13" s="10" t="s">
        <v>28</v>
      </c>
      <c r="B13" s="11">
        <v>0.19639999999999999</v>
      </c>
      <c r="C13" s="9">
        <v>1</v>
      </c>
      <c r="D13" s="9">
        <v>1</v>
      </c>
      <c r="E13" s="9">
        <v>1</v>
      </c>
      <c r="F13" s="9">
        <v>1</v>
      </c>
      <c r="G13" s="9">
        <v>1</v>
      </c>
      <c r="H13" s="9">
        <v>1</v>
      </c>
      <c r="I13" s="9">
        <v>1</v>
      </c>
      <c r="J13" s="9">
        <v>1</v>
      </c>
      <c r="K13" s="9">
        <v>1</v>
      </c>
      <c r="L13" s="9">
        <v>1</v>
      </c>
      <c r="M13" s="9">
        <v>1</v>
      </c>
      <c r="N13" s="9">
        <v>1</v>
      </c>
      <c r="O13" s="9">
        <v>1</v>
      </c>
      <c r="P13" s="9">
        <v>1</v>
      </c>
      <c r="Q13" s="9">
        <v>1</v>
      </c>
      <c r="R13" s="9">
        <v>1</v>
      </c>
      <c r="S13" s="9">
        <v>1</v>
      </c>
      <c r="T13" s="9">
        <v>1</v>
      </c>
      <c r="U13" s="9">
        <v>1</v>
      </c>
      <c r="V13" s="9">
        <v>1</v>
      </c>
      <c r="W13" s="9">
        <v>1</v>
      </c>
    </row>
    <row r="14" spans="1:23">
      <c r="A14" s="10" t="s">
        <v>29</v>
      </c>
      <c r="B14" s="11">
        <v>0.1321</v>
      </c>
      <c r="C14" s="9">
        <v>1</v>
      </c>
      <c r="D14" s="9">
        <v>1</v>
      </c>
      <c r="E14" s="9">
        <v>1</v>
      </c>
      <c r="F14" s="9">
        <v>1</v>
      </c>
      <c r="G14" s="9">
        <v>1</v>
      </c>
      <c r="H14" s="9">
        <v>1</v>
      </c>
      <c r="I14" s="9">
        <v>1</v>
      </c>
      <c r="J14" s="9">
        <v>1</v>
      </c>
      <c r="K14" s="9">
        <v>1</v>
      </c>
      <c r="L14" s="9">
        <v>1</v>
      </c>
      <c r="M14" s="9">
        <v>1</v>
      </c>
      <c r="N14" s="9">
        <v>1</v>
      </c>
      <c r="O14" s="9">
        <v>1</v>
      </c>
      <c r="P14" s="9">
        <v>1</v>
      </c>
      <c r="Q14" s="9">
        <v>1</v>
      </c>
      <c r="R14" s="9">
        <v>1</v>
      </c>
      <c r="S14" s="9">
        <v>1</v>
      </c>
      <c r="T14" s="9">
        <v>1</v>
      </c>
      <c r="U14" s="9">
        <v>1</v>
      </c>
      <c r="V14" s="9">
        <v>1</v>
      </c>
      <c r="W14" s="9">
        <v>1</v>
      </c>
    </row>
    <row r="15" spans="1:23">
      <c r="A15" s="10" t="s">
        <v>30</v>
      </c>
      <c r="B15" s="11">
        <v>0.1</v>
      </c>
      <c r="C15" s="9">
        <v>0</v>
      </c>
      <c r="D15" s="9">
        <v>0</v>
      </c>
      <c r="E15" s="9">
        <v>0</v>
      </c>
      <c r="F15" s="9">
        <v>0</v>
      </c>
      <c r="G15" s="9">
        <v>0</v>
      </c>
      <c r="H15" s="9">
        <v>0</v>
      </c>
      <c r="I15" s="9">
        <v>0</v>
      </c>
      <c r="J15" s="9">
        <v>0</v>
      </c>
      <c r="K15" s="9">
        <v>0</v>
      </c>
      <c r="L15" s="9">
        <v>0</v>
      </c>
      <c r="M15" s="9">
        <v>0</v>
      </c>
      <c r="N15" s="9">
        <v>0</v>
      </c>
      <c r="O15" s="9">
        <v>0</v>
      </c>
      <c r="P15" s="9">
        <v>0</v>
      </c>
      <c r="Q15" s="9">
        <v>0</v>
      </c>
      <c r="R15" s="9">
        <v>0</v>
      </c>
      <c r="S15" s="9">
        <v>0</v>
      </c>
      <c r="T15" s="9">
        <v>0</v>
      </c>
      <c r="U15" s="9">
        <v>0</v>
      </c>
      <c r="V15" s="9">
        <v>0</v>
      </c>
      <c r="W15" s="9">
        <v>0</v>
      </c>
    </row>
    <row r="16" spans="1:23">
      <c r="A16" s="10" t="s">
        <v>31</v>
      </c>
      <c r="B16" s="11">
        <v>0.1</v>
      </c>
      <c r="C16" s="9">
        <v>0</v>
      </c>
      <c r="D16" s="9">
        <v>0</v>
      </c>
      <c r="E16" s="9">
        <v>0</v>
      </c>
      <c r="F16" s="9">
        <v>0</v>
      </c>
      <c r="G16" s="9">
        <v>0</v>
      </c>
      <c r="H16" s="9">
        <v>0</v>
      </c>
      <c r="I16" s="9">
        <v>0</v>
      </c>
      <c r="J16" s="9">
        <v>0</v>
      </c>
      <c r="K16" s="9">
        <v>0</v>
      </c>
      <c r="L16" s="9">
        <v>0</v>
      </c>
      <c r="M16" s="9">
        <v>0</v>
      </c>
      <c r="N16" s="9">
        <v>0</v>
      </c>
      <c r="O16" s="9">
        <v>0</v>
      </c>
      <c r="P16" s="9">
        <v>0</v>
      </c>
      <c r="Q16" s="9">
        <v>0</v>
      </c>
      <c r="R16" s="9">
        <v>0</v>
      </c>
      <c r="S16" s="9">
        <v>0</v>
      </c>
      <c r="T16" s="9">
        <v>0</v>
      </c>
      <c r="U16" s="9">
        <v>0</v>
      </c>
      <c r="V16" s="9">
        <v>0</v>
      </c>
      <c r="W16" s="9">
        <v>0</v>
      </c>
    </row>
    <row r="17" spans="1:23">
      <c r="A17" s="10" t="s">
        <v>32</v>
      </c>
      <c r="B17" s="11">
        <v>0.1</v>
      </c>
      <c r="C17" s="9">
        <v>0</v>
      </c>
      <c r="D17" s="9">
        <v>0</v>
      </c>
      <c r="E17" s="9">
        <v>0</v>
      </c>
      <c r="F17" s="9">
        <v>0</v>
      </c>
      <c r="G17" s="9">
        <v>0</v>
      </c>
      <c r="H17" s="9">
        <v>0</v>
      </c>
      <c r="I17" s="9">
        <v>0</v>
      </c>
      <c r="J17" s="9">
        <v>0</v>
      </c>
      <c r="K17" s="9">
        <v>0</v>
      </c>
      <c r="L17" s="9">
        <v>0</v>
      </c>
      <c r="M17" s="9">
        <v>0</v>
      </c>
      <c r="N17" s="9">
        <v>0</v>
      </c>
      <c r="O17" s="9">
        <v>0</v>
      </c>
      <c r="P17" s="9">
        <v>0</v>
      </c>
      <c r="Q17" s="9">
        <v>0</v>
      </c>
      <c r="R17" s="9">
        <v>0</v>
      </c>
      <c r="S17" s="9">
        <v>0</v>
      </c>
      <c r="T17" s="9">
        <v>0</v>
      </c>
      <c r="U17" s="9">
        <v>0</v>
      </c>
      <c r="V17" s="9">
        <v>0</v>
      </c>
      <c r="W17" s="9">
        <v>0</v>
      </c>
    </row>
    <row r="18" spans="1:23">
      <c r="A18" s="13" t="s">
        <v>33</v>
      </c>
      <c r="B18" s="13"/>
      <c r="C18" s="14">
        <v>0</v>
      </c>
      <c r="D18" s="14">
        <v>0</v>
      </c>
      <c r="E18" s="14">
        <v>0</v>
      </c>
      <c r="F18" s="14">
        <v>0</v>
      </c>
      <c r="G18" s="14">
        <v>0</v>
      </c>
      <c r="H18" s="14">
        <v>0</v>
      </c>
      <c r="I18" s="14">
        <v>0</v>
      </c>
      <c r="J18" s="14">
        <v>0</v>
      </c>
      <c r="K18" s="14">
        <v>0</v>
      </c>
      <c r="L18" s="14">
        <v>0</v>
      </c>
      <c r="M18" s="14">
        <v>0</v>
      </c>
      <c r="N18" s="14">
        <v>0</v>
      </c>
      <c r="O18" s="14">
        <v>0</v>
      </c>
      <c r="P18" s="14">
        <v>0</v>
      </c>
      <c r="Q18" s="14">
        <v>0</v>
      </c>
      <c r="R18" s="14">
        <v>0</v>
      </c>
      <c r="S18" s="14">
        <v>0</v>
      </c>
      <c r="T18" s="14">
        <v>0</v>
      </c>
      <c r="U18" s="14">
        <v>0</v>
      </c>
      <c r="V18" s="14">
        <v>0</v>
      </c>
      <c r="W18" s="14">
        <v>0</v>
      </c>
    </row>
    <row r="19" spans="1:23">
      <c r="A19" s="15" t="s">
        <v>34</v>
      </c>
      <c r="B19" s="15"/>
      <c r="C19" s="16">
        <v>7</v>
      </c>
      <c r="D19" s="16">
        <v>7</v>
      </c>
      <c r="E19" s="16">
        <v>7</v>
      </c>
      <c r="F19" s="16">
        <v>7</v>
      </c>
      <c r="G19" s="16">
        <v>7</v>
      </c>
      <c r="H19" s="16">
        <v>7</v>
      </c>
      <c r="I19" s="16">
        <v>7</v>
      </c>
      <c r="J19" s="16">
        <v>7</v>
      </c>
      <c r="K19" s="16">
        <v>7</v>
      </c>
      <c r="L19" s="16">
        <v>7</v>
      </c>
      <c r="M19" s="16">
        <v>7</v>
      </c>
      <c r="N19" s="16">
        <v>7</v>
      </c>
      <c r="O19" s="16">
        <v>7</v>
      </c>
      <c r="P19" s="16">
        <v>7</v>
      </c>
      <c r="Q19" s="16">
        <v>7</v>
      </c>
      <c r="R19" s="16">
        <v>7</v>
      </c>
      <c r="S19" s="16">
        <v>7</v>
      </c>
      <c r="T19" s="16">
        <v>7</v>
      </c>
      <c r="U19" s="16">
        <v>7</v>
      </c>
      <c r="V19" s="16">
        <v>7</v>
      </c>
      <c r="W19" s="16">
        <v>7</v>
      </c>
    </row>
    <row r="20" spans="1:23">
      <c r="A20" s="1"/>
    </row>
    <row r="21" spans="1:23" ht="18">
      <c r="A21" s="158" t="s">
        <v>145</v>
      </c>
      <c r="B21" s="1"/>
      <c r="C21" s="3"/>
    </row>
    <row r="22" spans="1:23" ht="15.75">
      <c r="A22" s="159" t="s">
        <v>144</v>
      </c>
      <c r="B22" s="4"/>
      <c r="C22" s="160">
        <v>0.05</v>
      </c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</row>
    <row r="23" spans="1:23">
      <c r="A23" s="5" t="s">
        <v>0</v>
      </c>
      <c r="B23" s="6"/>
      <c r="C23" s="6" t="s">
        <v>2</v>
      </c>
      <c r="D23" s="6" t="s">
        <v>3</v>
      </c>
      <c r="E23" s="6" t="s">
        <v>4</v>
      </c>
      <c r="F23" s="6" t="s">
        <v>5</v>
      </c>
      <c r="G23" s="6" t="s">
        <v>6</v>
      </c>
      <c r="H23" s="6" t="s">
        <v>7</v>
      </c>
      <c r="I23" s="6" t="s">
        <v>8</v>
      </c>
      <c r="J23" s="6" t="s">
        <v>9</v>
      </c>
      <c r="K23" s="6" t="s">
        <v>10</v>
      </c>
      <c r="L23" s="6" t="s">
        <v>11</v>
      </c>
      <c r="M23" s="6" t="s">
        <v>12</v>
      </c>
      <c r="N23" s="6" t="s">
        <v>13</v>
      </c>
      <c r="O23" s="6" t="s">
        <v>14</v>
      </c>
      <c r="P23" s="6" t="s">
        <v>15</v>
      </c>
      <c r="Q23" s="6" t="s">
        <v>16</v>
      </c>
      <c r="R23" s="6" t="s">
        <v>17</v>
      </c>
      <c r="S23" s="6" t="s">
        <v>18</v>
      </c>
      <c r="T23" s="6" t="s">
        <v>19</v>
      </c>
      <c r="U23" s="6" t="s">
        <v>20</v>
      </c>
      <c r="V23" s="6" t="s">
        <v>21</v>
      </c>
      <c r="W23" s="6" t="s">
        <v>22</v>
      </c>
    </row>
    <row r="24" spans="1:23">
      <c r="A24" s="7" t="s">
        <v>23</v>
      </c>
      <c r="B24" s="8">
        <v>1</v>
      </c>
      <c r="C24" s="9">
        <v>1</v>
      </c>
      <c r="D24" s="9">
        <v>1</v>
      </c>
      <c r="E24" s="9">
        <v>1</v>
      </c>
      <c r="F24" s="9">
        <v>1</v>
      </c>
      <c r="G24" s="9">
        <v>1</v>
      </c>
      <c r="H24" s="9">
        <v>1</v>
      </c>
      <c r="I24" s="9">
        <v>1</v>
      </c>
      <c r="J24" s="9">
        <v>1</v>
      </c>
      <c r="K24" s="9">
        <v>1</v>
      </c>
      <c r="L24" s="9">
        <v>1</v>
      </c>
      <c r="M24" s="9">
        <v>1</v>
      </c>
      <c r="N24" s="9">
        <v>1</v>
      </c>
      <c r="O24" s="9">
        <v>1</v>
      </c>
      <c r="P24" s="9">
        <v>1</v>
      </c>
      <c r="Q24" s="9">
        <v>1</v>
      </c>
      <c r="R24" s="9">
        <v>1</v>
      </c>
      <c r="S24" s="9">
        <v>1</v>
      </c>
      <c r="T24" s="9">
        <v>1</v>
      </c>
      <c r="U24" s="9">
        <v>1</v>
      </c>
      <c r="V24" s="9">
        <v>1</v>
      </c>
      <c r="W24" s="9">
        <v>1</v>
      </c>
    </row>
    <row r="25" spans="1:23">
      <c r="A25" s="10" t="s">
        <v>24</v>
      </c>
      <c r="B25" s="11">
        <v>0.82730000000000004</v>
      </c>
      <c r="C25" s="9">
        <v>1</v>
      </c>
      <c r="D25" s="9">
        <v>1</v>
      </c>
      <c r="E25" s="9">
        <v>1</v>
      </c>
      <c r="F25" s="9">
        <v>1</v>
      </c>
      <c r="G25" s="9">
        <v>1</v>
      </c>
      <c r="H25" s="9">
        <v>1</v>
      </c>
      <c r="I25" s="9">
        <v>1</v>
      </c>
      <c r="J25" s="9">
        <v>1</v>
      </c>
      <c r="K25" s="9">
        <v>1</v>
      </c>
      <c r="L25" s="9">
        <v>1</v>
      </c>
      <c r="M25" s="9">
        <v>1</v>
      </c>
      <c r="N25" s="9">
        <v>1</v>
      </c>
      <c r="O25" s="9">
        <v>1</v>
      </c>
      <c r="P25" s="9">
        <v>1</v>
      </c>
      <c r="Q25" s="9">
        <v>1</v>
      </c>
      <c r="R25" s="9">
        <v>1</v>
      </c>
      <c r="S25" s="9">
        <v>1</v>
      </c>
      <c r="T25" s="9">
        <v>1</v>
      </c>
      <c r="U25" s="9">
        <v>1</v>
      </c>
      <c r="V25" s="9">
        <v>1</v>
      </c>
      <c r="W25" s="9">
        <v>1</v>
      </c>
    </row>
    <row r="26" spans="1:23">
      <c r="A26" s="10" t="s">
        <v>25</v>
      </c>
      <c r="B26" s="11">
        <v>0.67179999999999995</v>
      </c>
      <c r="C26" s="9">
        <v>1</v>
      </c>
      <c r="D26" s="9">
        <v>1</v>
      </c>
      <c r="E26" s="9">
        <v>1</v>
      </c>
      <c r="F26" s="9">
        <v>1</v>
      </c>
      <c r="G26" s="9">
        <v>1</v>
      </c>
      <c r="H26" s="9">
        <v>1</v>
      </c>
      <c r="I26" s="9">
        <v>1</v>
      </c>
      <c r="J26" s="9">
        <v>1</v>
      </c>
      <c r="K26" s="9">
        <v>1</v>
      </c>
      <c r="L26" s="9">
        <v>1</v>
      </c>
      <c r="M26" s="9">
        <v>1</v>
      </c>
      <c r="N26" s="9">
        <v>1</v>
      </c>
      <c r="O26" s="9">
        <v>1</v>
      </c>
      <c r="P26" s="9">
        <v>1</v>
      </c>
      <c r="Q26" s="9">
        <v>1</v>
      </c>
      <c r="R26" s="9">
        <v>1</v>
      </c>
      <c r="S26" s="9">
        <v>1</v>
      </c>
      <c r="T26" s="9">
        <v>1</v>
      </c>
      <c r="U26" s="9">
        <v>1</v>
      </c>
      <c r="V26" s="9">
        <v>1</v>
      </c>
      <c r="W26" s="9">
        <v>1</v>
      </c>
    </row>
    <row r="27" spans="1:23">
      <c r="A27" s="12" t="s">
        <v>26</v>
      </c>
      <c r="B27" s="11">
        <v>0.53359999999999996</v>
      </c>
      <c r="C27" s="9">
        <v>1</v>
      </c>
      <c r="D27" s="9">
        <v>1</v>
      </c>
      <c r="E27" s="9">
        <v>1</v>
      </c>
      <c r="F27" s="9">
        <v>1</v>
      </c>
      <c r="G27" s="9">
        <v>1</v>
      </c>
      <c r="H27" s="9">
        <v>1</v>
      </c>
      <c r="I27" s="9">
        <v>1</v>
      </c>
      <c r="J27" s="9">
        <v>1</v>
      </c>
      <c r="K27" s="9">
        <v>1</v>
      </c>
      <c r="L27" s="9">
        <v>1</v>
      </c>
      <c r="M27" s="9">
        <v>1</v>
      </c>
      <c r="N27" s="9">
        <v>1</v>
      </c>
      <c r="O27" s="9">
        <v>1</v>
      </c>
      <c r="P27" s="9">
        <v>1</v>
      </c>
      <c r="Q27" s="9">
        <v>1</v>
      </c>
      <c r="R27" s="9">
        <v>1</v>
      </c>
      <c r="S27" s="9">
        <v>1</v>
      </c>
      <c r="T27" s="9">
        <v>1</v>
      </c>
      <c r="U27" s="9">
        <v>1</v>
      </c>
      <c r="V27" s="9">
        <v>1</v>
      </c>
      <c r="W27" s="9">
        <v>1</v>
      </c>
    </row>
    <row r="28" spans="1:23">
      <c r="A28" s="10" t="s">
        <v>27</v>
      </c>
      <c r="B28" s="11">
        <v>0.41270000000000001</v>
      </c>
      <c r="C28" s="9">
        <v>1</v>
      </c>
      <c r="D28" s="9">
        <v>1</v>
      </c>
      <c r="E28" s="9">
        <v>1</v>
      </c>
      <c r="F28" s="9">
        <v>1</v>
      </c>
      <c r="G28" s="9">
        <v>1</v>
      </c>
      <c r="H28" s="9">
        <v>1</v>
      </c>
      <c r="I28" s="9">
        <v>1</v>
      </c>
      <c r="J28" s="9">
        <v>1</v>
      </c>
      <c r="K28" s="9">
        <v>1</v>
      </c>
      <c r="L28" s="9">
        <v>1</v>
      </c>
      <c r="M28" s="9">
        <v>1</v>
      </c>
      <c r="N28" s="9">
        <v>1</v>
      </c>
      <c r="O28" s="9">
        <v>1</v>
      </c>
      <c r="P28" s="9">
        <v>1</v>
      </c>
      <c r="Q28" s="9">
        <v>1</v>
      </c>
      <c r="R28" s="9">
        <v>1</v>
      </c>
      <c r="S28" s="9">
        <v>1</v>
      </c>
      <c r="T28" s="9">
        <v>1</v>
      </c>
      <c r="U28" s="9">
        <v>1</v>
      </c>
      <c r="V28" s="9">
        <v>1</v>
      </c>
      <c r="W28" s="9">
        <v>1</v>
      </c>
    </row>
    <row r="29" spans="1:23">
      <c r="A29" s="10" t="s">
        <v>28</v>
      </c>
      <c r="B29" s="11">
        <v>0.30909999999999999</v>
      </c>
      <c r="C29" s="9">
        <v>1</v>
      </c>
      <c r="D29" s="9">
        <v>1</v>
      </c>
      <c r="E29" s="9">
        <v>1</v>
      </c>
      <c r="F29" s="9">
        <v>1</v>
      </c>
      <c r="G29" s="9">
        <v>1</v>
      </c>
      <c r="H29" s="9">
        <v>1</v>
      </c>
      <c r="I29" s="9">
        <v>1</v>
      </c>
      <c r="J29" s="9">
        <v>1</v>
      </c>
      <c r="K29" s="9">
        <v>1</v>
      </c>
      <c r="L29" s="9">
        <v>1</v>
      </c>
      <c r="M29" s="9">
        <v>1</v>
      </c>
      <c r="N29" s="9">
        <v>1</v>
      </c>
      <c r="O29" s="9">
        <v>1</v>
      </c>
      <c r="P29" s="9">
        <v>1</v>
      </c>
      <c r="Q29" s="9">
        <v>1</v>
      </c>
      <c r="R29" s="9">
        <v>1</v>
      </c>
      <c r="S29" s="9">
        <v>1</v>
      </c>
      <c r="T29" s="9">
        <v>1</v>
      </c>
      <c r="U29" s="9">
        <v>1</v>
      </c>
      <c r="V29" s="9">
        <v>1</v>
      </c>
      <c r="W29" s="9">
        <v>1</v>
      </c>
    </row>
    <row r="30" spans="1:23">
      <c r="A30" s="10" t="s">
        <v>29</v>
      </c>
      <c r="B30" s="11">
        <v>0.22270000000000001</v>
      </c>
      <c r="C30" s="9">
        <v>1</v>
      </c>
      <c r="D30" s="9">
        <v>1</v>
      </c>
      <c r="E30" s="9">
        <v>1</v>
      </c>
      <c r="F30" s="9">
        <v>1</v>
      </c>
      <c r="G30" s="9">
        <v>1</v>
      </c>
      <c r="H30" s="9">
        <v>1</v>
      </c>
      <c r="I30" s="9">
        <v>1</v>
      </c>
      <c r="J30" s="9">
        <v>1</v>
      </c>
      <c r="K30" s="9">
        <v>1</v>
      </c>
      <c r="L30" s="9">
        <v>1</v>
      </c>
      <c r="M30" s="9">
        <v>1</v>
      </c>
      <c r="N30" s="9">
        <v>1</v>
      </c>
      <c r="O30" s="9">
        <v>1</v>
      </c>
      <c r="P30" s="9">
        <v>1</v>
      </c>
      <c r="Q30" s="9">
        <v>1</v>
      </c>
      <c r="R30" s="9">
        <v>1</v>
      </c>
      <c r="S30" s="9">
        <v>1</v>
      </c>
      <c r="T30" s="9">
        <v>1</v>
      </c>
      <c r="U30" s="9">
        <v>1</v>
      </c>
      <c r="V30" s="9">
        <v>1</v>
      </c>
      <c r="W30" s="9">
        <v>1</v>
      </c>
    </row>
    <row r="31" spans="1:23">
      <c r="A31" s="10" t="s">
        <v>30</v>
      </c>
      <c r="B31" s="11">
        <v>0.15359999999999999</v>
      </c>
      <c r="C31" s="9">
        <v>1</v>
      </c>
      <c r="D31" s="9">
        <v>1</v>
      </c>
      <c r="E31" s="9">
        <v>1</v>
      </c>
      <c r="F31" s="9">
        <v>1</v>
      </c>
      <c r="G31" s="9">
        <v>1</v>
      </c>
      <c r="H31" s="9">
        <v>1</v>
      </c>
      <c r="I31" s="9">
        <v>1</v>
      </c>
      <c r="J31" s="9">
        <v>1</v>
      </c>
      <c r="K31" s="9">
        <v>1</v>
      </c>
      <c r="L31" s="9">
        <v>1</v>
      </c>
      <c r="M31" s="9">
        <v>1</v>
      </c>
      <c r="N31" s="9">
        <v>1</v>
      </c>
      <c r="O31" s="9">
        <v>1</v>
      </c>
      <c r="P31" s="9">
        <v>1</v>
      </c>
      <c r="Q31" s="9">
        <v>1</v>
      </c>
      <c r="R31" s="9">
        <v>1</v>
      </c>
      <c r="S31" s="9">
        <v>1</v>
      </c>
      <c r="T31" s="9">
        <v>1</v>
      </c>
      <c r="U31" s="9">
        <v>1</v>
      </c>
      <c r="V31" s="9">
        <v>1</v>
      </c>
      <c r="W31" s="9">
        <v>1</v>
      </c>
    </row>
    <row r="32" spans="1:23">
      <c r="A32" s="10" t="s">
        <v>31</v>
      </c>
      <c r="B32" s="11">
        <v>0.1018</v>
      </c>
      <c r="C32" s="9">
        <v>1</v>
      </c>
      <c r="D32" s="9">
        <v>1</v>
      </c>
      <c r="E32" s="9">
        <v>1</v>
      </c>
      <c r="F32" s="9">
        <v>1</v>
      </c>
      <c r="G32" s="9">
        <v>1</v>
      </c>
      <c r="H32" s="9">
        <v>1</v>
      </c>
      <c r="I32" s="9">
        <v>1</v>
      </c>
      <c r="J32" s="9">
        <v>1</v>
      </c>
      <c r="K32" s="9">
        <v>1</v>
      </c>
      <c r="L32" s="9">
        <v>1</v>
      </c>
      <c r="M32" s="9">
        <v>1</v>
      </c>
      <c r="N32" s="9">
        <v>1</v>
      </c>
      <c r="O32" s="9">
        <v>1</v>
      </c>
      <c r="P32" s="9">
        <v>1</v>
      </c>
      <c r="Q32" s="9">
        <v>1</v>
      </c>
      <c r="R32" s="9">
        <v>1</v>
      </c>
      <c r="S32" s="9">
        <v>1</v>
      </c>
      <c r="T32" s="9">
        <v>1</v>
      </c>
      <c r="U32" s="9">
        <v>1</v>
      </c>
      <c r="V32" s="9">
        <v>1</v>
      </c>
      <c r="W32" s="9">
        <v>1</v>
      </c>
    </row>
    <row r="33" spans="1:23">
      <c r="A33" s="10" t="s">
        <v>32</v>
      </c>
      <c r="B33" s="11">
        <v>6.7299999999999999E-2</v>
      </c>
      <c r="C33" s="9">
        <v>1</v>
      </c>
      <c r="D33" s="9">
        <v>1</v>
      </c>
      <c r="E33" s="9">
        <v>1</v>
      </c>
      <c r="F33" s="9">
        <v>1</v>
      </c>
      <c r="G33" s="9">
        <v>1</v>
      </c>
      <c r="H33" s="9">
        <v>1</v>
      </c>
      <c r="I33" s="9">
        <v>1</v>
      </c>
      <c r="J33" s="9">
        <v>1</v>
      </c>
      <c r="K33" s="9">
        <v>1</v>
      </c>
      <c r="L33" s="9">
        <v>1</v>
      </c>
      <c r="M33" s="9">
        <v>1</v>
      </c>
      <c r="N33" s="9">
        <v>1</v>
      </c>
      <c r="O33" s="9">
        <v>1</v>
      </c>
      <c r="P33" s="9">
        <v>1</v>
      </c>
      <c r="Q33" s="9">
        <v>1</v>
      </c>
      <c r="R33" s="9">
        <v>1</v>
      </c>
      <c r="S33" s="9">
        <v>1</v>
      </c>
      <c r="T33" s="9">
        <v>1</v>
      </c>
      <c r="U33" s="9">
        <v>1</v>
      </c>
      <c r="V33" s="9">
        <v>1</v>
      </c>
      <c r="W33" s="9">
        <v>1</v>
      </c>
    </row>
    <row r="34" spans="1:23">
      <c r="A34" s="13" t="s">
        <v>33</v>
      </c>
      <c r="B34" s="17">
        <v>0.05</v>
      </c>
      <c r="C34" s="14">
        <v>0</v>
      </c>
      <c r="D34" s="14">
        <v>0</v>
      </c>
      <c r="E34" s="14">
        <v>0</v>
      </c>
      <c r="F34" s="14">
        <v>0</v>
      </c>
      <c r="G34" s="14">
        <v>0</v>
      </c>
      <c r="H34" s="14">
        <v>0</v>
      </c>
      <c r="I34" s="14">
        <v>0</v>
      </c>
      <c r="J34" s="14">
        <v>0</v>
      </c>
      <c r="K34" s="14">
        <v>0</v>
      </c>
      <c r="L34" s="14">
        <v>0</v>
      </c>
      <c r="M34" s="14">
        <v>0</v>
      </c>
      <c r="N34" s="14">
        <v>0</v>
      </c>
      <c r="O34" s="14">
        <v>0</v>
      </c>
      <c r="P34" s="14">
        <v>0</v>
      </c>
      <c r="Q34" s="14">
        <v>0</v>
      </c>
      <c r="R34" s="14">
        <v>0</v>
      </c>
      <c r="S34" s="14">
        <v>0</v>
      </c>
      <c r="T34" s="14">
        <v>0</v>
      </c>
      <c r="U34" s="14">
        <v>0</v>
      </c>
      <c r="V34" s="14">
        <v>0</v>
      </c>
      <c r="W34" s="14">
        <v>0</v>
      </c>
    </row>
    <row r="35" spans="1:23">
      <c r="A35" s="15" t="s">
        <v>34</v>
      </c>
      <c r="B35" s="15"/>
      <c r="C35" s="16">
        <v>10</v>
      </c>
      <c r="D35" s="16">
        <v>10</v>
      </c>
      <c r="E35" s="16">
        <v>10</v>
      </c>
      <c r="F35" s="16">
        <v>10</v>
      </c>
      <c r="G35" s="16">
        <v>10</v>
      </c>
      <c r="H35" s="16">
        <v>10</v>
      </c>
      <c r="I35" s="16">
        <v>10</v>
      </c>
      <c r="J35" s="16">
        <v>10</v>
      </c>
      <c r="K35" s="16">
        <v>10</v>
      </c>
      <c r="L35" s="16">
        <v>10</v>
      </c>
      <c r="M35" s="16">
        <v>10</v>
      </c>
      <c r="N35" s="16">
        <v>10</v>
      </c>
      <c r="O35" s="16">
        <v>10</v>
      </c>
      <c r="P35" s="16">
        <v>10</v>
      </c>
      <c r="Q35" s="16">
        <v>10</v>
      </c>
      <c r="R35" s="16">
        <v>10</v>
      </c>
      <c r="S35" s="16">
        <v>10</v>
      </c>
      <c r="T35" s="16">
        <v>10</v>
      </c>
      <c r="U35" s="16">
        <v>10</v>
      </c>
      <c r="V35" s="16">
        <v>10</v>
      </c>
      <c r="W35" s="16">
        <v>10</v>
      </c>
    </row>
    <row r="36" spans="1:23">
      <c r="B36" s="18"/>
      <c r="C36" s="18"/>
    </row>
    <row r="37" spans="1:23" ht="18">
      <c r="A37" s="158" t="s">
        <v>146</v>
      </c>
      <c r="B37" s="1"/>
      <c r="C37" s="3"/>
    </row>
    <row r="38" spans="1:23" ht="15.75">
      <c r="A38" s="159" t="s">
        <v>144</v>
      </c>
      <c r="B38" s="4"/>
      <c r="C38" s="160">
        <v>0.05</v>
      </c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</row>
    <row r="39" spans="1:23">
      <c r="A39" s="5" t="s">
        <v>0</v>
      </c>
      <c r="B39" s="6"/>
      <c r="C39" s="6" t="s">
        <v>2</v>
      </c>
      <c r="D39" s="6" t="s">
        <v>3</v>
      </c>
      <c r="E39" s="6" t="s">
        <v>4</v>
      </c>
      <c r="F39" s="6" t="s">
        <v>5</v>
      </c>
      <c r="G39" s="6" t="s">
        <v>6</v>
      </c>
      <c r="H39" s="6" t="s">
        <v>7</v>
      </c>
      <c r="I39" s="6" t="s">
        <v>8</v>
      </c>
      <c r="J39" s="6" t="s">
        <v>9</v>
      </c>
      <c r="K39" s="6" t="s">
        <v>10</v>
      </c>
      <c r="L39" s="6" t="s">
        <v>11</v>
      </c>
      <c r="M39" s="6" t="s">
        <v>12</v>
      </c>
      <c r="N39" s="6" t="s">
        <v>13</v>
      </c>
      <c r="O39" s="6" t="s">
        <v>14</v>
      </c>
      <c r="P39" s="6" t="s">
        <v>15</v>
      </c>
      <c r="Q39" s="6" t="s">
        <v>16</v>
      </c>
      <c r="R39" s="6" t="s">
        <v>17</v>
      </c>
      <c r="S39" s="6" t="s">
        <v>18</v>
      </c>
      <c r="T39" s="6" t="s">
        <v>19</v>
      </c>
      <c r="U39" s="6" t="s">
        <v>20</v>
      </c>
      <c r="V39" s="6" t="s">
        <v>21</v>
      </c>
      <c r="W39" s="6" t="s">
        <v>22</v>
      </c>
    </row>
    <row r="40" spans="1:23">
      <c r="A40" s="7" t="s">
        <v>23</v>
      </c>
      <c r="B40" s="8">
        <v>1</v>
      </c>
      <c r="C40" s="9">
        <v>6</v>
      </c>
      <c r="D40" s="9">
        <v>0</v>
      </c>
      <c r="E40" s="9">
        <v>0</v>
      </c>
      <c r="F40" s="9">
        <v>0</v>
      </c>
      <c r="G40" s="9">
        <v>0</v>
      </c>
      <c r="H40" s="9">
        <v>0</v>
      </c>
      <c r="I40" s="9">
        <v>1</v>
      </c>
      <c r="J40" s="9">
        <v>1</v>
      </c>
      <c r="K40" s="9">
        <v>1</v>
      </c>
      <c r="L40" s="9">
        <v>1</v>
      </c>
      <c r="M40" s="9">
        <v>6</v>
      </c>
      <c r="N40" s="9">
        <v>0</v>
      </c>
      <c r="O40" s="9">
        <v>0</v>
      </c>
      <c r="P40" s="9">
        <v>0</v>
      </c>
      <c r="Q40" s="9">
        <v>0</v>
      </c>
      <c r="R40" s="9">
        <v>0</v>
      </c>
      <c r="S40" s="9">
        <v>1</v>
      </c>
      <c r="T40" s="9">
        <v>1</v>
      </c>
      <c r="U40" s="9">
        <v>1</v>
      </c>
      <c r="V40" s="9">
        <v>1</v>
      </c>
      <c r="W40" s="9">
        <v>0</v>
      </c>
    </row>
    <row r="41" spans="1:23">
      <c r="A41" s="10" t="s">
        <v>24</v>
      </c>
      <c r="B41" s="11">
        <v>0.82730000000000004</v>
      </c>
      <c r="C41" s="9">
        <v>1</v>
      </c>
      <c r="D41" s="9">
        <v>6</v>
      </c>
      <c r="E41" s="9">
        <v>0</v>
      </c>
      <c r="F41" s="9">
        <v>0</v>
      </c>
      <c r="G41" s="9">
        <v>0</v>
      </c>
      <c r="H41" s="9">
        <v>0</v>
      </c>
      <c r="I41" s="9">
        <v>0</v>
      </c>
      <c r="J41" s="9">
        <v>1</v>
      </c>
      <c r="K41" s="9">
        <v>1</v>
      </c>
      <c r="L41" s="9">
        <v>1</v>
      </c>
      <c r="M41" s="9">
        <v>1</v>
      </c>
      <c r="N41" s="9">
        <v>6</v>
      </c>
      <c r="O41" s="9">
        <v>0</v>
      </c>
      <c r="P41" s="9">
        <v>0</v>
      </c>
      <c r="Q41" s="9">
        <v>0</v>
      </c>
      <c r="R41" s="9">
        <v>0</v>
      </c>
      <c r="S41" s="9">
        <v>0</v>
      </c>
      <c r="T41" s="9">
        <v>1</v>
      </c>
      <c r="U41" s="9">
        <v>1</v>
      </c>
      <c r="V41" s="9">
        <v>1</v>
      </c>
      <c r="W41" s="9">
        <v>1</v>
      </c>
    </row>
    <row r="42" spans="1:23">
      <c r="A42" s="10" t="s">
        <v>25</v>
      </c>
      <c r="B42" s="11">
        <v>0.67179999999999995</v>
      </c>
      <c r="C42" s="9">
        <v>1</v>
      </c>
      <c r="D42" s="9">
        <v>1</v>
      </c>
      <c r="E42" s="9">
        <v>6</v>
      </c>
      <c r="F42" s="9">
        <v>0</v>
      </c>
      <c r="G42" s="9">
        <v>0</v>
      </c>
      <c r="H42" s="9">
        <v>0</v>
      </c>
      <c r="I42" s="9">
        <v>0</v>
      </c>
      <c r="J42" s="9">
        <v>0</v>
      </c>
      <c r="K42" s="9">
        <v>1</v>
      </c>
      <c r="L42" s="9">
        <v>1</v>
      </c>
      <c r="M42" s="9">
        <v>1</v>
      </c>
      <c r="N42" s="9">
        <v>1</v>
      </c>
      <c r="O42" s="9">
        <v>6</v>
      </c>
      <c r="P42" s="9">
        <v>0</v>
      </c>
      <c r="Q42" s="9">
        <v>0</v>
      </c>
      <c r="R42" s="9">
        <v>0</v>
      </c>
      <c r="S42" s="9">
        <v>0</v>
      </c>
      <c r="T42" s="9">
        <v>0</v>
      </c>
      <c r="U42" s="9">
        <v>1</v>
      </c>
      <c r="V42" s="9">
        <v>1</v>
      </c>
      <c r="W42" s="9">
        <v>1</v>
      </c>
    </row>
    <row r="43" spans="1:23">
      <c r="A43" s="12" t="s">
        <v>26</v>
      </c>
      <c r="B43" s="11">
        <v>0.53359999999999996</v>
      </c>
      <c r="C43" s="9">
        <v>1</v>
      </c>
      <c r="D43" s="9">
        <v>1</v>
      </c>
      <c r="E43" s="9">
        <v>1</v>
      </c>
      <c r="F43" s="9">
        <v>6</v>
      </c>
      <c r="G43" s="9">
        <v>0</v>
      </c>
      <c r="H43" s="9">
        <v>0</v>
      </c>
      <c r="I43" s="9">
        <v>0</v>
      </c>
      <c r="J43" s="9">
        <v>0</v>
      </c>
      <c r="K43" s="9">
        <v>0</v>
      </c>
      <c r="L43" s="9">
        <v>1</v>
      </c>
      <c r="M43" s="9">
        <v>1</v>
      </c>
      <c r="N43" s="9">
        <v>1</v>
      </c>
      <c r="O43" s="9">
        <v>1</v>
      </c>
      <c r="P43" s="9">
        <v>6</v>
      </c>
      <c r="Q43" s="9">
        <v>0</v>
      </c>
      <c r="R43" s="9">
        <v>0</v>
      </c>
      <c r="S43" s="9">
        <v>0</v>
      </c>
      <c r="T43" s="9">
        <v>0</v>
      </c>
      <c r="U43" s="9">
        <v>0</v>
      </c>
      <c r="V43" s="9">
        <v>1</v>
      </c>
      <c r="W43" s="9">
        <v>1</v>
      </c>
    </row>
    <row r="44" spans="1:23">
      <c r="A44" s="10" t="s">
        <v>27</v>
      </c>
      <c r="B44" s="11">
        <v>0.41270000000000001</v>
      </c>
      <c r="C44" s="9">
        <v>1</v>
      </c>
      <c r="D44" s="9">
        <v>1</v>
      </c>
      <c r="E44" s="9">
        <v>1</v>
      </c>
      <c r="F44" s="9">
        <v>1</v>
      </c>
      <c r="G44" s="9">
        <v>6</v>
      </c>
      <c r="H44" s="9">
        <v>0</v>
      </c>
      <c r="I44" s="9">
        <v>0</v>
      </c>
      <c r="J44" s="9">
        <v>0</v>
      </c>
      <c r="K44" s="9">
        <v>0</v>
      </c>
      <c r="L44" s="9">
        <v>0</v>
      </c>
      <c r="M44" s="9">
        <v>1</v>
      </c>
      <c r="N44" s="9">
        <v>1</v>
      </c>
      <c r="O44" s="9">
        <v>1</v>
      </c>
      <c r="P44" s="9">
        <v>1</v>
      </c>
      <c r="Q44" s="9">
        <v>6</v>
      </c>
      <c r="R44" s="9">
        <v>0</v>
      </c>
      <c r="S44" s="9">
        <v>0</v>
      </c>
      <c r="T44" s="9">
        <v>0</v>
      </c>
      <c r="U44" s="9">
        <v>0</v>
      </c>
      <c r="V44" s="9">
        <v>0</v>
      </c>
      <c r="W44" s="9">
        <v>1</v>
      </c>
    </row>
    <row r="45" spans="1:23">
      <c r="A45" s="10" t="s">
        <v>28</v>
      </c>
      <c r="B45" s="11">
        <v>0.30909999999999999</v>
      </c>
      <c r="C45" s="9">
        <v>0</v>
      </c>
      <c r="D45" s="9">
        <v>1</v>
      </c>
      <c r="E45" s="9">
        <v>1</v>
      </c>
      <c r="F45" s="9">
        <v>1</v>
      </c>
      <c r="G45" s="9">
        <v>1</v>
      </c>
      <c r="H45" s="9">
        <v>6</v>
      </c>
      <c r="I45" s="9">
        <v>0</v>
      </c>
      <c r="J45" s="9">
        <v>0</v>
      </c>
      <c r="K45" s="9">
        <v>0</v>
      </c>
      <c r="L45" s="9">
        <v>0</v>
      </c>
      <c r="M45" s="9">
        <v>0</v>
      </c>
      <c r="N45" s="9">
        <v>1</v>
      </c>
      <c r="O45" s="9">
        <v>1</v>
      </c>
      <c r="P45" s="9">
        <v>1</v>
      </c>
      <c r="Q45" s="9">
        <v>1</v>
      </c>
      <c r="R45" s="9">
        <v>6</v>
      </c>
      <c r="S45" s="9">
        <v>0</v>
      </c>
      <c r="T45" s="9">
        <v>0</v>
      </c>
      <c r="U45" s="9">
        <v>0</v>
      </c>
      <c r="V45" s="9">
        <v>0</v>
      </c>
      <c r="W45" s="9">
        <v>0</v>
      </c>
    </row>
    <row r="46" spans="1:23">
      <c r="A46" s="10" t="s">
        <v>29</v>
      </c>
      <c r="B46" s="11">
        <v>0.22270000000000001</v>
      </c>
      <c r="C46" s="9">
        <v>0</v>
      </c>
      <c r="D46" s="9">
        <v>0</v>
      </c>
      <c r="E46" s="9">
        <v>1</v>
      </c>
      <c r="F46" s="9">
        <v>1</v>
      </c>
      <c r="G46" s="9">
        <v>1</v>
      </c>
      <c r="H46" s="9">
        <v>1</v>
      </c>
      <c r="I46" s="9">
        <v>6</v>
      </c>
      <c r="J46" s="9">
        <v>0</v>
      </c>
      <c r="K46" s="9">
        <v>0</v>
      </c>
      <c r="L46" s="9">
        <v>0</v>
      </c>
      <c r="M46" s="9">
        <v>0</v>
      </c>
      <c r="N46" s="9">
        <v>0</v>
      </c>
      <c r="O46" s="9">
        <v>1</v>
      </c>
      <c r="P46" s="9">
        <v>1</v>
      </c>
      <c r="Q46" s="9">
        <v>1</v>
      </c>
      <c r="R46" s="9">
        <v>1</v>
      </c>
      <c r="S46" s="9">
        <v>6</v>
      </c>
      <c r="T46" s="9">
        <v>0</v>
      </c>
      <c r="U46" s="9">
        <v>0</v>
      </c>
      <c r="V46" s="9">
        <v>0</v>
      </c>
      <c r="W46" s="9">
        <v>0</v>
      </c>
    </row>
    <row r="47" spans="1:23">
      <c r="A47" s="10" t="s">
        <v>30</v>
      </c>
      <c r="B47" s="11">
        <v>0.15359999999999999</v>
      </c>
      <c r="C47" s="9">
        <v>0</v>
      </c>
      <c r="D47" s="9">
        <v>0</v>
      </c>
      <c r="E47" s="9">
        <v>0</v>
      </c>
      <c r="F47" s="9">
        <v>1</v>
      </c>
      <c r="G47" s="9">
        <v>1</v>
      </c>
      <c r="H47" s="9">
        <v>1</v>
      </c>
      <c r="I47" s="9">
        <v>1</v>
      </c>
      <c r="J47" s="9">
        <v>6</v>
      </c>
      <c r="K47" s="9">
        <v>0</v>
      </c>
      <c r="L47" s="9">
        <v>0</v>
      </c>
      <c r="M47" s="9">
        <v>0</v>
      </c>
      <c r="N47" s="9">
        <v>0</v>
      </c>
      <c r="O47" s="9">
        <v>0</v>
      </c>
      <c r="P47" s="9">
        <v>1</v>
      </c>
      <c r="Q47" s="9">
        <v>1</v>
      </c>
      <c r="R47" s="9">
        <v>1</v>
      </c>
      <c r="S47" s="9">
        <v>1</v>
      </c>
      <c r="T47" s="9">
        <v>6</v>
      </c>
      <c r="U47" s="9">
        <v>0</v>
      </c>
      <c r="V47" s="9">
        <v>0</v>
      </c>
      <c r="W47" s="9">
        <v>0</v>
      </c>
    </row>
    <row r="48" spans="1:23">
      <c r="A48" s="10" t="s">
        <v>31</v>
      </c>
      <c r="B48" s="11">
        <v>0.1018</v>
      </c>
      <c r="C48" s="9">
        <v>0</v>
      </c>
      <c r="D48" s="9">
        <v>0</v>
      </c>
      <c r="E48" s="9">
        <v>0</v>
      </c>
      <c r="F48" s="9">
        <v>0</v>
      </c>
      <c r="G48" s="9">
        <v>1</v>
      </c>
      <c r="H48" s="9">
        <v>1</v>
      </c>
      <c r="I48" s="9">
        <v>1</v>
      </c>
      <c r="J48" s="9">
        <v>1</v>
      </c>
      <c r="K48" s="9">
        <v>6</v>
      </c>
      <c r="L48" s="9">
        <v>0</v>
      </c>
      <c r="M48" s="9">
        <v>0</v>
      </c>
      <c r="N48" s="9">
        <v>0</v>
      </c>
      <c r="O48" s="9">
        <v>0</v>
      </c>
      <c r="P48" s="9">
        <v>0</v>
      </c>
      <c r="Q48" s="9">
        <v>1</v>
      </c>
      <c r="R48" s="9">
        <v>1</v>
      </c>
      <c r="S48" s="9">
        <v>1</v>
      </c>
      <c r="T48" s="9">
        <v>1</v>
      </c>
      <c r="U48" s="9">
        <v>6</v>
      </c>
      <c r="V48" s="9">
        <v>0</v>
      </c>
      <c r="W48" s="9">
        <v>0</v>
      </c>
    </row>
    <row r="49" spans="1:23">
      <c r="A49" s="10" t="s">
        <v>32</v>
      </c>
      <c r="B49" s="11">
        <v>6.7299999999999999E-2</v>
      </c>
      <c r="C49" s="9">
        <v>0</v>
      </c>
      <c r="D49" s="9">
        <v>0</v>
      </c>
      <c r="E49" s="9">
        <v>0</v>
      </c>
      <c r="F49" s="9">
        <v>0</v>
      </c>
      <c r="G49" s="9">
        <v>0</v>
      </c>
      <c r="H49" s="9">
        <v>1</v>
      </c>
      <c r="I49" s="9">
        <v>1</v>
      </c>
      <c r="J49" s="9">
        <v>1</v>
      </c>
      <c r="K49" s="9">
        <v>1</v>
      </c>
      <c r="L49" s="9">
        <v>6</v>
      </c>
      <c r="M49" s="9">
        <v>0</v>
      </c>
      <c r="N49" s="9">
        <v>0</v>
      </c>
      <c r="O49" s="9">
        <v>0</v>
      </c>
      <c r="P49" s="9">
        <v>0</v>
      </c>
      <c r="Q49" s="9">
        <v>0</v>
      </c>
      <c r="R49" s="9">
        <v>1</v>
      </c>
      <c r="S49" s="9">
        <v>1</v>
      </c>
      <c r="T49" s="9">
        <v>1</v>
      </c>
      <c r="U49" s="9">
        <v>1</v>
      </c>
      <c r="V49" s="9">
        <v>6</v>
      </c>
      <c r="W49" s="9">
        <v>0</v>
      </c>
    </row>
    <row r="50" spans="1:23">
      <c r="A50" s="10" t="s">
        <v>33</v>
      </c>
      <c r="B50" s="8">
        <v>0.05</v>
      </c>
      <c r="C50" s="9">
        <v>0</v>
      </c>
      <c r="D50" s="9">
        <v>0</v>
      </c>
      <c r="E50" s="9">
        <v>0</v>
      </c>
      <c r="F50" s="9">
        <v>0</v>
      </c>
      <c r="G50" s="9">
        <v>0</v>
      </c>
      <c r="H50" s="9">
        <v>0</v>
      </c>
      <c r="I50" s="9">
        <v>0</v>
      </c>
      <c r="J50" s="9">
        <v>0</v>
      </c>
      <c r="K50" s="9">
        <v>0</v>
      </c>
      <c r="L50" s="9">
        <v>0</v>
      </c>
      <c r="M50" s="9">
        <v>0</v>
      </c>
      <c r="N50" s="9">
        <v>0</v>
      </c>
      <c r="O50" s="9">
        <v>0</v>
      </c>
      <c r="P50" s="9">
        <v>0</v>
      </c>
      <c r="Q50" s="9">
        <v>0</v>
      </c>
      <c r="R50" s="9">
        <v>0</v>
      </c>
      <c r="S50" s="9">
        <v>0</v>
      </c>
      <c r="T50" s="9">
        <v>0</v>
      </c>
      <c r="U50" s="9">
        <v>0</v>
      </c>
      <c r="V50" s="9">
        <v>0</v>
      </c>
      <c r="W50" s="9">
        <v>6</v>
      </c>
    </row>
    <row r="51" spans="1:23">
      <c r="A51" s="15" t="s">
        <v>34</v>
      </c>
      <c r="B51" s="15"/>
      <c r="C51" s="16">
        <v>10</v>
      </c>
      <c r="D51" s="16">
        <v>10</v>
      </c>
      <c r="E51" s="16">
        <v>10</v>
      </c>
      <c r="F51" s="16">
        <v>10</v>
      </c>
      <c r="G51" s="16">
        <v>10</v>
      </c>
      <c r="H51" s="16">
        <v>10</v>
      </c>
      <c r="I51" s="16">
        <v>10</v>
      </c>
      <c r="J51" s="16">
        <v>10</v>
      </c>
      <c r="K51" s="16">
        <v>10</v>
      </c>
      <c r="L51" s="16">
        <v>10</v>
      </c>
      <c r="M51" s="16">
        <v>10</v>
      </c>
      <c r="N51" s="16">
        <v>10</v>
      </c>
      <c r="O51" s="16">
        <v>10</v>
      </c>
      <c r="P51" s="16">
        <v>10</v>
      </c>
      <c r="Q51" s="16">
        <v>10</v>
      </c>
      <c r="R51" s="16">
        <v>10</v>
      </c>
      <c r="S51" s="16">
        <v>10</v>
      </c>
      <c r="T51" s="16">
        <v>10</v>
      </c>
      <c r="U51" s="16">
        <v>10</v>
      </c>
      <c r="V51" s="16">
        <v>10</v>
      </c>
      <c r="W51" s="16">
        <v>10</v>
      </c>
    </row>
    <row r="53" spans="1:23" ht="18">
      <c r="A53" s="158" t="s">
        <v>147</v>
      </c>
    </row>
    <row r="54" spans="1:23">
      <c r="A54" s="19" t="s">
        <v>35</v>
      </c>
      <c r="B54" s="20"/>
      <c r="C54" s="20" t="s">
        <v>2</v>
      </c>
      <c r="D54" s="20" t="s">
        <v>3</v>
      </c>
      <c r="E54" s="20" t="s">
        <v>4</v>
      </c>
      <c r="F54" s="20" t="s">
        <v>5</v>
      </c>
      <c r="G54" s="20" t="s">
        <v>6</v>
      </c>
      <c r="H54" s="20" t="s">
        <v>7</v>
      </c>
      <c r="I54" s="20" t="s">
        <v>8</v>
      </c>
      <c r="J54" s="20" t="s">
        <v>9</v>
      </c>
      <c r="K54" s="20" t="s">
        <v>10</v>
      </c>
      <c r="L54" s="20" t="s">
        <v>11</v>
      </c>
      <c r="M54" s="20" t="s">
        <v>12</v>
      </c>
      <c r="N54" s="20" t="s">
        <v>13</v>
      </c>
      <c r="O54" s="20" t="s">
        <v>14</v>
      </c>
      <c r="P54" s="20" t="s">
        <v>15</v>
      </c>
      <c r="Q54" s="20" t="s">
        <v>16</v>
      </c>
      <c r="R54" s="20" t="s">
        <v>17</v>
      </c>
      <c r="S54" s="20" t="s">
        <v>18</v>
      </c>
      <c r="T54" s="20" t="s">
        <v>19</v>
      </c>
      <c r="U54" s="20" t="s">
        <v>20</v>
      </c>
      <c r="V54" s="20" t="s">
        <v>21</v>
      </c>
      <c r="W54" s="21" t="s">
        <v>22</v>
      </c>
    </row>
    <row r="55" spans="1:23">
      <c r="A55" s="22" t="s">
        <v>36</v>
      </c>
      <c r="B55" s="23"/>
      <c r="C55" s="8">
        <v>0.48568571428571433</v>
      </c>
      <c r="D55" s="24">
        <v>1</v>
      </c>
      <c r="E55" s="24">
        <v>1</v>
      </c>
      <c r="F55" s="24">
        <v>1</v>
      </c>
      <c r="G55" s="24">
        <v>1</v>
      </c>
      <c r="H55" s="24">
        <v>1</v>
      </c>
      <c r="I55" s="24">
        <v>1</v>
      </c>
      <c r="J55" s="24">
        <v>1</v>
      </c>
      <c r="K55" s="24">
        <v>1</v>
      </c>
      <c r="L55" s="24">
        <v>1</v>
      </c>
      <c r="M55" s="24">
        <v>1</v>
      </c>
      <c r="N55" s="24">
        <v>1</v>
      </c>
      <c r="O55" s="24">
        <v>1</v>
      </c>
      <c r="P55" s="24">
        <v>1</v>
      </c>
      <c r="Q55" s="24">
        <v>1</v>
      </c>
      <c r="R55" s="24">
        <v>1</v>
      </c>
      <c r="S55" s="24">
        <v>1</v>
      </c>
      <c r="T55" s="24">
        <v>1</v>
      </c>
      <c r="U55" s="24">
        <v>1</v>
      </c>
      <c r="V55" s="24">
        <v>1</v>
      </c>
      <c r="W55" s="25">
        <v>1</v>
      </c>
    </row>
    <row r="56" spans="1:23">
      <c r="A56" s="26" t="s">
        <v>37</v>
      </c>
      <c r="B56" s="13"/>
      <c r="C56" s="14">
        <v>7</v>
      </c>
      <c r="D56" s="14">
        <v>1</v>
      </c>
      <c r="E56" s="14">
        <v>1</v>
      </c>
      <c r="F56" s="14">
        <v>1</v>
      </c>
      <c r="G56" s="14">
        <v>1</v>
      </c>
      <c r="H56" s="14">
        <v>1</v>
      </c>
      <c r="I56" s="14">
        <v>1</v>
      </c>
      <c r="J56" s="14">
        <v>1</v>
      </c>
      <c r="K56" s="14">
        <v>1</v>
      </c>
      <c r="L56" s="14">
        <v>1</v>
      </c>
      <c r="M56" s="14">
        <v>1</v>
      </c>
      <c r="N56" s="14">
        <v>1</v>
      </c>
      <c r="O56" s="14">
        <v>1</v>
      </c>
      <c r="P56" s="14">
        <v>1</v>
      </c>
      <c r="Q56" s="14">
        <v>1</v>
      </c>
      <c r="R56" s="14">
        <v>1</v>
      </c>
      <c r="S56" s="14">
        <v>1</v>
      </c>
      <c r="T56" s="14">
        <v>1</v>
      </c>
      <c r="U56" s="14">
        <v>1</v>
      </c>
      <c r="V56" s="14">
        <v>1</v>
      </c>
      <c r="W56" s="27">
        <v>1</v>
      </c>
    </row>
    <row r="58" spans="1:23">
      <c r="A58" s="19" t="s">
        <v>38</v>
      </c>
      <c r="B58" s="20"/>
      <c r="C58" s="20" t="s">
        <v>2</v>
      </c>
      <c r="D58" s="20" t="s">
        <v>3</v>
      </c>
      <c r="E58" s="20" t="s">
        <v>4</v>
      </c>
      <c r="F58" s="20" t="s">
        <v>5</v>
      </c>
      <c r="G58" s="20" t="s">
        <v>6</v>
      </c>
      <c r="H58" s="20" t="s">
        <v>7</v>
      </c>
      <c r="I58" s="20" t="s">
        <v>8</v>
      </c>
      <c r="J58" s="20" t="s">
        <v>9</v>
      </c>
      <c r="K58" s="20" t="s">
        <v>10</v>
      </c>
      <c r="L58" s="20" t="s">
        <v>11</v>
      </c>
      <c r="M58" s="20" t="s">
        <v>12</v>
      </c>
      <c r="N58" s="20" t="s">
        <v>13</v>
      </c>
      <c r="O58" s="20" t="s">
        <v>14</v>
      </c>
      <c r="P58" s="20" t="s">
        <v>15</v>
      </c>
      <c r="Q58" s="20" t="s">
        <v>16</v>
      </c>
      <c r="R58" s="20" t="s">
        <v>17</v>
      </c>
      <c r="S58" s="20" t="s">
        <v>18</v>
      </c>
      <c r="T58" s="20" t="s">
        <v>19</v>
      </c>
      <c r="U58" s="20" t="s">
        <v>20</v>
      </c>
      <c r="V58" s="20" t="s">
        <v>21</v>
      </c>
      <c r="W58" s="21" t="s">
        <v>22</v>
      </c>
    </row>
    <row r="59" spans="1:23">
      <c r="A59" s="22" t="s">
        <v>36</v>
      </c>
      <c r="B59" s="23"/>
      <c r="C59" s="8">
        <v>0.42999000000000009</v>
      </c>
      <c r="D59" s="24">
        <v>1</v>
      </c>
      <c r="E59" s="24">
        <v>1</v>
      </c>
      <c r="F59" s="24">
        <v>1</v>
      </c>
      <c r="G59" s="24">
        <v>1</v>
      </c>
      <c r="H59" s="24">
        <v>1</v>
      </c>
      <c r="I59" s="24">
        <v>1</v>
      </c>
      <c r="J59" s="24">
        <v>1</v>
      </c>
      <c r="K59" s="24">
        <v>1</v>
      </c>
      <c r="L59" s="24">
        <v>1</v>
      </c>
      <c r="M59" s="24">
        <v>1</v>
      </c>
      <c r="N59" s="24">
        <v>1</v>
      </c>
      <c r="O59" s="24">
        <v>1</v>
      </c>
      <c r="P59" s="24">
        <v>1</v>
      </c>
      <c r="Q59" s="24">
        <v>1</v>
      </c>
      <c r="R59" s="24">
        <v>1</v>
      </c>
      <c r="S59" s="24">
        <v>1</v>
      </c>
      <c r="T59" s="24">
        <v>1</v>
      </c>
      <c r="U59" s="24">
        <v>1</v>
      </c>
      <c r="V59" s="24">
        <v>1</v>
      </c>
      <c r="W59" s="25">
        <v>1</v>
      </c>
    </row>
    <row r="60" spans="1:23">
      <c r="A60" s="26" t="s">
        <v>37</v>
      </c>
      <c r="B60" s="13"/>
      <c r="C60" s="14">
        <v>10</v>
      </c>
      <c r="D60" s="14">
        <v>1</v>
      </c>
      <c r="E60" s="14">
        <v>1</v>
      </c>
      <c r="F60" s="14">
        <v>1</v>
      </c>
      <c r="G60" s="14">
        <v>1</v>
      </c>
      <c r="H60" s="14">
        <v>1</v>
      </c>
      <c r="I60" s="14">
        <v>1</v>
      </c>
      <c r="J60" s="14">
        <v>1</v>
      </c>
      <c r="K60" s="14">
        <v>1</v>
      </c>
      <c r="L60" s="14">
        <v>1</v>
      </c>
      <c r="M60" s="14">
        <v>1</v>
      </c>
      <c r="N60" s="14">
        <v>1</v>
      </c>
      <c r="O60" s="14">
        <v>1</v>
      </c>
      <c r="P60" s="14">
        <v>1</v>
      </c>
      <c r="Q60" s="14">
        <v>1</v>
      </c>
      <c r="R60" s="14">
        <v>1</v>
      </c>
      <c r="S60" s="14">
        <v>1</v>
      </c>
      <c r="T60" s="14">
        <v>1</v>
      </c>
      <c r="U60" s="14">
        <v>1</v>
      </c>
      <c r="V60" s="14">
        <v>1</v>
      </c>
      <c r="W60" s="27">
        <v>1</v>
      </c>
    </row>
    <row r="61" spans="1:23">
      <c r="A61" s="4"/>
    </row>
    <row r="62" spans="1:23">
      <c r="A62" s="19" t="s">
        <v>39</v>
      </c>
      <c r="B62" s="20"/>
      <c r="C62" s="20" t="s">
        <v>2</v>
      </c>
      <c r="D62" s="20" t="s">
        <v>3</v>
      </c>
      <c r="E62" s="20" t="s">
        <v>4</v>
      </c>
      <c r="F62" s="20" t="s">
        <v>5</v>
      </c>
      <c r="G62" s="20" t="s">
        <v>6</v>
      </c>
      <c r="H62" s="20" t="s">
        <v>7</v>
      </c>
      <c r="I62" s="20" t="s">
        <v>8</v>
      </c>
      <c r="J62" s="20" t="s">
        <v>9</v>
      </c>
      <c r="K62" s="20" t="s">
        <v>10</v>
      </c>
      <c r="L62" s="20" t="s">
        <v>11</v>
      </c>
      <c r="M62" s="20" t="s">
        <v>12</v>
      </c>
      <c r="N62" s="20" t="s">
        <v>13</v>
      </c>
      <c r="O62" s="20" t="s">
        <v>14</v>
      </c>
      <c r="P62" s="20" t="s">
        <v>15</v>
      </c>
      <c r="Q62" s="20" t="s">
        <v>16</v>
      </c>
      <c r="R62" s="20" t="s">
        <v>17</v>
      </c>
      <c r="S62" s="20" t="s">
        <v>18</v>
      </c>
      <c r="T62" s="20" t="s">
        <v>19</v>
      </c>
      <c r="U62" s="20" t="s">
        <v>20</v>
      </c>
      <c r="V62" s="20" t="s">
        <v>21</v>
      </c>
      <c r="W62" s="21" t="s">
        <v>22</v>
      </c>
    </row>
    <row r="63" spans="1:23">
      <c r="A63" s="22" t="s">
        <v>36</v>
      </c>
      <c r="B63" s="23"/>
      <c r="C63" s="8">
        <v>0.84453999999999996</v>
      </c>
      <c r="D63" s="24">
        <v>1</v>
      </c>
      <c r="E63" s="24">
        <v>1</v>
      </c>
      <c r="F63" s="24">
        <v>1</v>
      </c>
      <c r="G63" s="24">
        <v>1</v>
      </c>
      <c r="H63" s="24">
        <v>1</v>
      </c>
      <c r="I63" s="24">
        <v>1</v>
      </c>
      <c r="J63" s="24">
        <v>1</v>
      </c>
      <c r="K63" s="24">
        <v>1</v>
      </c>
      <c r="L63" s="24">
        <v>1</v>
      </c>
      <c r="M63" s="24">
        <v>1</v>
      </c>
      <c r="N63" s="24">
        <v>1</v>
      </c>
      <c r="O63" s="24">
        <v>1</v>
      </c>
      <c r="P63" s="24">
        <v>1</v>
      </c>
      <c r="Q63" s="24">
        <v>1</v>
      </c>
      <c r="R63" s="24">
        <v>1</v>
      </c>
      <c r="S63" s="24">
        <v>1</v>
      </c>
      <c r="T63" s="24">
        <v>1</v>
      </c>
      <c r="U63" s="24">
        <v>1</v>
      </c>
      <c r="V63" s="24">
        <v>1</v>
      </c>
      <c r="W63" s="25">
        <v>1</v>
      </c>
    </row>
    <row r="64" spans="1:23">
      <c r="A64" s="26" t="s">
        <v>37</v>
      </c>
      <c r="B64" s="13"/>
      <c r="C64" s="14">
        <v>10</v>
      </c>
      <c r="D64" s="14">
        <v>0</v>
      </c>
      <c r="E64" s="14">
        <v>0</v>
      </c>
      <c r="F64" s="14">
        <v>0</v>
      </c>
      <c r="G64" s="14">
        <v>0</v>
      </c>
      <c r="H64" s="14">
        <v>0</v>
      </c>
      <c r="I64" s="14">
        <v>1</v>
      </c>
      <c r="J64" s="14">
        <v>1</v>
      </c>
      <c r="K64" s="14">
        <v>1</v>
      </c>
      <c r="L64" s="14">
        <v>1</v>
      </c>
      <c r="M64" s="14">
        <v>6</v>
      </c>
      <c r="N64" s="14">
        <v>0</v>
      </c>
      <c r="O64" s="14">
        <v>0</v>
      </c>
      <c r="P64" s="14">
        <v>0</v>
      </c>
      <c r="Q64" s="14">
        <v>0</v>
      </c>
      <c r="R64" s="14">
        <v>0</v>
      </c>
      <c r="S64" s="14">
        <v>1</v>
      </c>
      <c r="T64" s="14">
        <v>1</v>
      </c>
      <c r="U64" s="14">
        <v>1</v>
      </c>
      <c r="V64" s="14">
        <v>1</v>
      </c>
      <c r="W64" s="27">
        <v>0</v>
      </c>
    </row>
    <row r="82" spans="1:23" ht="12.75">
      <c r="K82" s="161" t="s">
        <v>165</v>
      </c>
    </row>
    <row r="83" spans="1:23" ht="12.75">
      <c r="K83" s="161"/>
    </row>
    <row r="84" spans="1:23" ht="12.75">
      <c r="K84" s="161"/>
    </row>
    <row r="85" spans="1:23" ht="12.75">
      <c r="K85" s="161"/>
    </row>
    <row r="86" spans="1:23" ht="18">
      <c r="A86" s="158" t="s">
        <v>148</v>
      </c>
    </row>
    <row r="87" spans="1:23" ht="18">
      <c r="A87" s="158" t="s">
        <v>149</v>
      </c>
    </row>
    <row r="88" spans="1:23" ht="18">
      <c r="A88" s="158" t="s">
        <v>144</v>
      </c>
      <c r="B88" s="1"/>
      <c r="C88" s="160">
        <v>0.1</v>
      </c>
    </row>
    <row r="89" spans="1:23">
      <c r="A89" s="5" t="s">
        <v>0</v>
      </c>
      <c r="B89" s="6" t="s">
        <v>1</v>
      </c>
      <c r="C89" s="6" t="s">
        <v>2</v>
      </c>
      <c r="D89" s="6" t="s">
        <v>3</v>
      </c>
      <c r="E89" s="6" t="s">
        <v>4</v>
      </c>
      <c r="F89" s="6" t="s">
        <v>5</v>
      </c>
      <c r="G89" s="6" t="s">
        <v>6</v>
      </c>
      <c r="H89" s="6" t="s">
        <v>7</v>
      </c>
      <c r="I89" s="6" t="s">
        <v>8</v>
      </c>
      <c r="J89" s="6" t="s">
        <v>9</v>
      </c>
      <c r="K89" s="6" t="s">
        <v>10</v>
      </c>
      <c r="L89" s="6" t="s">
        <v>11</v>
      </c>
      <c r="M89" s="6" t="s">
        <v>12</v>
      </c>
      <c r="N89" s="6" t="s">
        <v>13</v>
      </c>
      <c r="O89" s="6" t="s">
        <v>14</v>
      </c>
      <c r="P89" s="6" t="s">
        <v>15</v>
      </c>
      <c r="Q89" s="6" t="s">
        <v>16</v>
      </c>
      <c r="R89" s="6" t="s">
        <v>17</v>
      </c>
      <c r="S89" s="6" t="s">
        <v>18</v>
      </c>
      <c r="T89" s="6" t="s">
        <v>19</v>
      </c>
      <c r="U89" s="6" t="s">
        <v>20</v>
      </c>
      <c r="V89" s="6" t="s">
        <v>21</v>
      </c>
      <c r="W89" s="6" t="s">
        <v>22</v>
      </c>
    </row>
    <row r="90" spans="1:23" s="10" customFormat="1">
      <c r="A90" s="7" t="s">
        <v>23</v>
      </c>
      <c r="B90" s="8">
        <v>1</v>
      </c>
      <c r="C90" s="9"/>
      <c r="D90" s="9"/>
      <c r="E90" s="9"/>
      <c r="F90" s="9"/>
      <c r="G90" s="9"/>
      <c r="H90" s="9"/>
      <c r="I90" s="9"/>
      <c r="J90" s="9"/>
      <c r="K90" s="9"/>
      <c r="L90" s="9"/>
      <c r="M90" s="9"/>
      <c r="N90" s="9"/>
      <c r="O90" s="9"/>
      <c r="P90" s="9"/>
      <c r="Q90" s="9"/>
      <c r="R90" s="9"/>
      <c r="S90" s="9"/>
      <c r="T90" s="9"/>
      <c r="U90" s="9"/>
      <c r="V90" s="9"/>
      <c r="W90" s="9"/>
    </row>
    <row r="91" spans="1:23" s="10" customFormat="1">
      <c r="A91" s="10" t="s">
        <v>24</v>
      </c>
      <c r="B91" s="11">
        <v>0.77500000000000002</v>
      </c>
      <c r="C91" s="9"/>
      <c r="D91" s="9">
        <v>0</v>
      </c>
      <c r="E91" s="9">
        <v>0</v>
      </c>
      <c r="F91" s="9">
        <v>0</v>
      </c>
      <c r="G91" s="9">
        <v>0</v>
      </c>
      <c r="H91" s="9">
        <v>0</v>
      </c>
      <c r="I91" s="9">
        <v>0</v>
      </c>
      <c r="J91" s="9">
        <v>0</v>
      </c>
      <c r="K91" s="9">
        <v>0</v>
      </c>
      <c r="L91" s="9">
        <v>0</v>
      </c>
      <c r="M91" s="9">
        <v>0</v>
      </c>
      <c r="N91" s="9">
        <v>0</v>
      </c>
      <c r="O91" s="9">
        <v>0</v>
      </c>
      <c r="P91" s="9">
        <v>0</v>
      </c>
      <c r="Q91" s="9">
        <v>0</v>
      </c>
      <c r="R91" s="9">
        <v>0</v>
      </c>
      <c r="S91" s="9">
        <v>0</v>
      </c>
      <c r="T91" s="9">
        <v>0</v>
      </c>
      <c r="U91" s="9">
        <v>0</v>
      </c>
      <c r="V91" s="9">
        <v>0</v>
      </c>
      <c r="W91" s="9">
        <v>1</v>
      </c>
    </row>
    <row r="92" spans="1:23" s="10" customFormat="1">
      <c r="A92" s="10" t="s">
        <v>25</v>
      </c>
      <c r="B92" s="11">
        <v>0.58209999999999995</v>
      </c>
      <c r="C92" s="9"/>
      <c r="D92" s="9">
        <v>0</v>
      </c>
      <c r="E92" s="9">
        <v>0</v>
      </c>
      <c r="F92" s="9">
        <v>0</v>
      </c>
      <c r="G92" s="9">
        <v>0</v>
      </c>
      <c r="H92" s="9">
        <v>0</v>
      </c>
      <c r="I92" s="9">
        <v>0</v>
      </c>
      <c r="J92" s="9">
        <v>0</v>
      </c>
      <c r="K92" s="9">
        <v>0</v>
      </c>
      <c r="L92" s="9">
        <v>0</v>
      </c>
      <c r="M92" s="9">
        <v>0</v>
      </c>
      <c r="N92" s="9">
        <v>0</v>
      </c>
      <c r="O92" s="9">
        <v>0</v>
      </c>
      <c r="P92" s="9">
        <v>0</v>
      </c>
      <c r="Q92" s="9">
        <v>0</v>
      </c>
      <c r="R92" s="9">
        <v>0</v>
      </c>
      <c r="S92" s="9">
        <v>0</v>
      </c>
      <c r="T92" s="9">
        <v>0</v>
      </c>
      <c r="U92" s="9">
        <v>0</v>
      </c>
      <c r="V92" s="9">
        <v>0</v>
      </c>
      <c r="W92" s="9">
        <v>1</v>
      </c>
    </row>
    <row r="93" spans="1:23" s="10" customFormat="1">
      <c r="A93" s="12" t="s">
        <v>26</v>
      </c>
      <c r="B93" s="11">
        <v>0.4214</v>
      </c>
      <c r="C93" s="9"/>
      <c r="D93" s="9">
        <v>0</v>
      </c>
      <c r="E93" s="9">
        <v>0</v>
      </c>
      <c r="F93" s="9">
        <v>0</v>
      </c>
      <c r="G93" s="9">
        <v>0</v>
      </c>
      <c r="H93" s="9">
        <v>0</v>
      </c>
      <c r="I93" s="9">
        <v>0</v>
      </c>
      <c r="J93" s="9">
        <v>0</v>
      </c>
      <c r="K93" s="9">
        <v>0</v>
      </c>
      <c r="L93" s="9">
        <v>0</v>
      </c>
      <c r="M93" s="9">
        <v>0</v>
      </c>
      <c r="N93" s="9">
        <v>0</v>
      </c>
      <c r="O93" s="9">
        <v>0</v>
      </c>
      <c r="P93" s="9">
        <v>0</v>
      </c>
      <c r="Q93" s="9">
        <v>0</v>
      </c>
      <c r="R93" s="9">
        <v>0</v>
      </c>
      <c r="S93" s="9">
        <v>0</v>
      </c>
      <c r="T93" s="9">
        <v>0</v>
      </c>
      <c r="U93" s="9">
        <v>0</v>
      </c>
      <c r="V93" s="9">
        <v>0</v>
      </c>
      <c r="W93" s="9">
        <v>1</v>
      </c>
    </row>
    <row r="94" spans="1:23" s="10" customFormat="1">
      <c r="A94" s="10" t="s">
        <v>27</v>
      </c>
      <c r="B94" s="11">
        <v>0.2928</v>
      </c>
      <c r="C94" s="9"/>
      <c r="D94" s="9">
        <v>0</v>
      </c>
      <c r="E94" s="9">
        <v>0</v>
      </c>
      <c r="F94" s="9">
        <v>0</v>
      </c>
      <c r="G94" s="9">
        <v>0</v>
      </c>
      <c r="H94" s="9">
        <v>0</v>
      </c>
      <c r="I94" s="9">
        <v>0</v>
      </c>
      <c r="J94" s="9">
        <v>0</v>
      </c>
      <c r="K94" s="9">
        <v>0</v>
      </c>
      <c r="L94" s="9">
        <v>0</v>
      </c>
      <c r="M94" s="9">
        <v>0</v>
      </c>
      <c r="N94" s="9">
        <v>0</v>
      </c>
      <c r="O94" s="9">
        <v>0</v>
      </c>
      <c r="P94" s="9">
        <v>0</v>
      </c>
      <c r="Q94" s="9">
        <v>0</v>
      </c>
      <c r="R94" s="9">
        <v>0</v>
      </c>
      <c r="S94" s="9">
        <v>0</v>
      </c>
      <c r="T94" s="9">
        <v>0</v>
      </c>
      <c r="U94" s="9">
        <v>0</v>
      </c>
      <c r="V94" s="9">
        <v>0</v>
      </c>
      <c r="W94" s="9">
        <v>1</v>
      </c>
    </row>
    <row r="95" spans="1:23" s="10" customFormat="1">
      <c r="A95" s="10" t="s">
        <v>28</v>
      </c>
      <c r="B95" s="11">
        <v>0.19639999999999999</v>
      </c>
      <c r="C95" s="9"/>
      <c r="D95" s="9">
        <v>0</v>
      </c>
      <c r="E95" s="9">
        <v>0</v>
      </c>
      <c r="F95" s="9">
        <v>0</v>
      </c>
      <c r="G95" s="9">
        <v>0</v>
      </c>
      <c r="H95" s="9">
        <v>0</v>
      </c>
      <c r="I95" s="9">
        <v>0</v>
      </c>
      <c r="J95" s="9">
        <v>0</v>
      </c>
      <c r="K95" s="9">
        <v>0</v>
      </c>
      <c r="L95" s="9">
        <v>0</v>
      </c>
      <c r="M95" s="9">
        <v>0</v>
      </c>
      <c r="N95" s="9">
        <v>0</v>
      </c>
      <c r="O95" s="9">
        <v>0</v>
      </c>
      <c r="P95" s="9">
        <v>0</v>
      </c>
      <c r="Q95" s="9">
        <v>0</v>
      </c>
      <c r="R95" s="9">
        <v>0</v>
      </c>
      <c r="S95" s="9">
        <v>0</v>
      </c>
      <c r="T95" s="9">
        <v>0</v>
      </c>
      <c r="U95" s="9">
        <v>0</v>
      </c>
      <c r="V95" s="9">
        <v>0</v>
      </c>
      <c r="W95" s="9">
        <v>1</v>
      </c>
    </row>
    <row r="96" spans="1:23" s="10" customFormat="1">
      <c r="A96" s="10" t="s">
        <v>29</v>
      </c>
      <c r="B96" s="11">
        <v>0.1321</v>
      </c>
      <c r="C96" s="9"/>
      <c r="D96" s="9">
        <v>0</v>
      </c>
      <c r="E96" s="9">
        <v>0</v>
      </c>
      <c r="F96" s="9">
        <v>0</v>
      </c>
      <c r="G96" s="9">
        <v>0</v>
      </c>
      <c r="H96" s="9">
        <v>0</v>
      </c>
      <c r="I96" s="9">
        <v>0</v>
      </c>
      <c r="J96" s="9">
        <v>0</v>
      </c>
      <c r="K96" s="9">
        <v>0</v>
      </c>
      <c r="L96" s="9">
        <v>0</v>
      </c>
      <c r="M96" s="9">
        <v>0</v>
      </c>
      <c r="N96" s="9">
        <v>0</v>
      </c>
      <c r="O96" s="9">
        <v>0</v>
      </c>
      <c r="P96" s="9">
        <v>0</v>
      </c>
      <c r="Q96" s="9">
        <v>0</v>
      </c>
      <c r="R96" s="9">
        <v>0</v>
      </c>
      <c r="S96" s="9">
        <v>0</v>
      </c>
      <c r="T96" s="9">
        <v>0</v>
      </c>
      <c r="U96" s="9">
        <v>0</v>
      </c>
      <c r="V96" s="9">
        <v>0</v>
      </c>
      <c r="W96" s="9">
        <v>1</v>
      </c>
    </row>
    <row r="97" spans="1:23" s="10" customFormat="1">
      <c r="A97" s="10" t="s">
        <v>30</v>
      </c>
      <c r="B97" s="11">
        <v>0.1</v>
      </c>
      <c r="C97" s="9"/>
      <c r="D97" s="9">
        <v>1</v>
      </c>
      <c r="E97" s="9">
        <v>1</v>
      </c>
      <c r="F97" s="9">
        <v>1</v>
      </c>
      <c r="G97" s="9">
        <v>1</v>
      </c>
      <c r="H97" s="9">
        <v>1</v>
      </c>
      <c r="I97" s="9">
        <v>1</v>
      </c>
      <c r="J97" s="9">
        <v>1</v>
      </c>
      <c r="K97" s="9">
        <v>1</v>
      </c>
      <c r="L97" s="9">
        <v>1</v>
      </c>
      <c r="M97" s="9">
        <v>1</v>
      </c>
      <c r="N97" s="9">
        <v>1</v>
      </c>
      <c r="O97" s="9">
        <v>1</v>
      </c>
      <c r="P97" s="9">
        <v>1</v>
      </c>
      <c r="Q97" s="9">
        <v>1</v>
      </c>
      <c r="R97" s="9">
        <v>1</v>
      </c>
      <c r="S97" s="9">
        <v>1</v>
      </c>
      <c r="T97" s="9">
        <v>1</v>
      </c>
      <c r="U97" s="9">
        <v>1</v>
      </c>
      <c r="V97" s="9">
        <v>1</v>
      </c>
      <c r="W97" s="9">
        <v>2</v>
      </c>
    </row>
    <row r="98" spans="1:23" s="10" customFormat="1">
      <c r="A98" s="10" t="s">
        <v>31</v>
      </c>
      <c r="B98" s="11">
        <v>0.1</v>
      </c>
      <c r="C98" s="9"/>
      <c r="D98" s="9">
        <v>0</v>
      </c>
      <c r="E98" s="9">
        <v>0</v>
      </c>
      <c r="F98" s="9">
        <v>0</v>
      </c>
      <c r="G98" s="9">
        <v>0</v>
      </c>
      <c r="H98" s="9">
        <v>0</v>
      </c>
      <c r="I98" s="9">
        <v>0</v>
      </c>
      <c r="J98" s="9">
        <v>0</v>
      </c>
      <c r="K98" s="9">
        <v>0</v>
      </c>
      <c r="L98" s="9">
        <v>0</v>
      </c>
      <c r="M98" s="9">
        <v>0</v>
      </c>
      <c r="N98" s="9">
        <v>0</v>
      </c>
      <c r="O98" s="9">
        <v>0</v>
      </c>
      <c r="P98" s="9">
        <v>0</v>
      </c>
      <c r="Q98" s="9">
        <v>0</v>
      </c>
      <c r="R98" s="9">
        <v>0</v>
      </c>
      <c r="S98" s="9">
        <v>0</v>
      </c>
      <c r="T98" s="9">
        <v>0</v>
      </c>
      <c r="U98" s="9">
        <v>0</v>
      </c>
      <c r="V98" s="9">
        <v>0</v>
      </c>
      <c r="W98" s="9">
        <v>0</v>
      </c>
    </row>
    <row r="99" spans="1:23" s="10" customFormat="1">
      <c r="A99" s="10" t="s">
        <v>32</v>
      </c>
      <c r="B99" s="11">
        <v>0.1</v>
      </c>
      <c r="C99" s="9"/>
      <c r="D99" s="9">
        <v>0</v>
      </c>
      <c r="E99" s="9">
        <v>0</v>
      </c>
      <c r="F99" s="9">
        <v>0</v>
      </c>
      <c r="G99" s="9">
        <v>0</v>
      </c>
      <c r="H99" s="9">
        <v>0</v>
      </c>
      <c r="I99" s="9">
        <v>0</v>
      </c>
      <c r="J99" s="9">
        <v>0</v>
      </c>
      <c r="K99" s="9">
        <v>0</v>
      </c>
      <c r="L99" s="9">
        <v>0</v>
      </c>
      <c r="M99" s="9">
        <v>0</v>
      </c>
      <c r="N99" s="9">
        <v>0</v>
      </c>
      <c r="O99" s="9">
        <v>0</v>
      </c>
      <c r="P99" s="9">
        <v>0</v>
      </c>
      <c r="Q99" s="9">
        <v>0</v>
      </c>
      <c r="R99" s="9">
        <v>0</v>
      </c>
      <c r="S99" s="9">
        <v>0</v>
      </c>
      <c r="T99" s="9">
        <v>0</v>
      </c>
      <c r="U99" s="9">
        <v>0</v>
      </c>
      <c r="V99" s="9">
        <v>0</v>
      </c>
      <c r="W99" s="9">
        <v>0</v>
      </c>
    </row>
    <row r="100" spans="1:23" s="10" customFormat="1">
      <c r="A100" s="13" t="s">
        <v>33</v>
      </c>
      <c r="B100" s="13"/>
      <c r="C100" s="14"/>
      <c r="D100" s="14">
        <v>0</v>
      </c>
      <c r="E100" s="14">
        <v>0</v>
      </c>
      <c r="F100" s="14">
        <v>0</v>
      </c>
      <c r="G100" s="14">
        <v>0</v>
      </c>
      <c r="H100" s="14">
        <v>0</v>
      </c>
      <c r="I100" s="14">
        <v>0</v>
      </c>
      <c r="J100" s="14">
        <v>0</v>
      </c>
      <c r="K100" s="14">
        <v>0</v>
      </c>
      <c r="L100" s="14">
        <v>0</v>
      </c>
      <c r="M100" s="14">
        <v>0</v>
      </c>
      <c r="N100" s="14">
        <v>0</v>
      </c>
      <c r="O100" s="14">
        <v>0</v>
      </c>
      <c r="P100" s="14">
        <v>0</v>
      </c>
      <c r="Q100" s="14">
        <v>0</v>
      </c>
      <c r="R100" s="14">
        <v>0</v>
      </c>
      <c r="S100" s="14">
        <v>0</v>
      </c>
      <c r="T100" s="14">
        <v>0</v>
      </c>
      <c r="U100" s="14">
        <v>0</v>
      </c>
      <c r="V100" s="14">
        <v>0</v>
      </c>
      <c r="W100" s="14">
        <v>0</v>
      </c>
    </row>
    <row r="101" spans="1:23" s="10" customFormat="1">
      <c r="A101" s="15" t="s">
        <v>34</v>
      </c>
      <c r="B101" s="15"/>
      <c r="C101" s="16"/>
      <c r="D101" s="16">
        <v>1</v>
      </c>
      <c r="E101" s="16">
        <v>1</v>
      </c>
      <c r="F101" s="16">
        <v>1</v>
      </c>
      <c r="G101" s="16">
        <v>1</v>
      </c>
      <c r="H101" s="16">
        <v>1</v>
      </c>
      <c r="I101" s="16">
        <v>1</v>
      </c>
      <c r="J101" s="16">
        <v>1</v>
      </c>
      <c r="K101" s="16">
        <v>1</v>
      </c>
      <c r="L101" s="16">
        <v>1</v>
      </c>
      <c r="M101" s="16">
        <v>1</v>
      </c>
      <c r="N101" s="16">
        <v>1</v>
      </c>
      <c r="O101" s="16">
        <v>1</v>
      </c>
      <c r="P101" s="16">
        <v>1</v>
      </c>
      <c r="Q101" s="16">
        <v>1</v>
      </c>
      <c r="R101" s="16">
        <v>1</v>
      </c>
      <c r="S101" s="16">
        <v>1</v>
      </c>
      <c r="T101" s="16">
        <v>1</v>
      </c>
      <c r="U101" s="16">
        <v>1</v>
      </c>
      <c r="V101" s="16">
        <v>1</v>
      </c>
      <c r="W101" s="16">
        <v>8</v>
      </c>
    </row>
    <row r="102" spans="1:23" s="10" customFormat="1">
      <c r="A102" s="162"/>
      <c r="B102" s="162"/>
      <c r="C102" s="163"/>
      <c r="D102" s="163"/>
      <c r="E102" s="163"/>
      <c r="F102" s="163"/>
      <c r="G102" s="163"/>
      <c r="H102" s="163"/>
      <c r="I102" s="163"/>
      <c r="J102" s="163"/>
      <c r="K102" s="163"/>
      <c r="L102" s="163"/>
      <c r="M102" s="163"/>
      <c r="N102" s="163"/>
      <c r="O102" s="163"/>
      <c r="P102" s="163"/>
      <c r="Q102" s="163"/>
      <c r="R102" s="163"/>
      <c r="S102" s="163"/>
      <c r="T102" s="163"/>
      <c r="U102" s="163"/>
      <c r="V102" s="163"/>
      <c r="W102" s="163"/>
    </row>
    <row r="104" spans="1:23" ht="18">
      <c r="A104" s="158" t="s">
        <v>145</v>
      </c>
    </row>
    <row r="105" spans="1:23" ht="15.75">
      <c r="A105" s="159" t="s">
        <v>144</v>
      </c>
      <c r="B105" s="159"/>
      <c r="C105" s="160">
        <v>0.05</v>
      </c>
    </row>
    <row r="106" spans="1:23">
      <c r="A106" s="5" t="s">
        <v>0</v>
      </c>
      <c r="B106" s="6"/>
      <c r="C106" s="6" t="s">
        <v>2</v>
      </c>
      <c r="D106" s="6" t="s">
        <v>3</v>
      </c>
      <c r="E106" s="6" t="s">
        <v>4</v>
      </c>
      <c r="F106" s="6" t="s">
        <v>5</v>
      </c>
      <c r="G106" s="6" t="s">
        <v>6</v>
      </c>
      <c r="H106" s="6" t="s">
        <v>7</v>
      </c>
      <c r="I106" s="6" t="s">
        <v>8</v>
      </c>
      <c r="J106" s="6" t="s">
        <v>9</v>
      </c>
      <c r="K106" s="6" t="s">
        <v>10</v>
      </c>
      <c r="L106" s="6" t="s">
        <v>11</v>
      </c>
      <c r="M106" s="6" t="s">
        <v>12</v>
      </c>
      <c r="N106" s="6" t="s">
        <v>13</v>
      </c>
      <c r="O106" s="6" t="s">
        <v>14</v>
      </c>
      <c r="P106" s="6" t="s">
        <v>15</v>
      </c>
      <c r="Q106" s="6" t="s">
        <v>16</v>
      </c>
      <c r="R106" s="6" t="s">
        <v>17</v>
      </c>
      <c r="S106" s="6" t="s">
        <v>18</v>
      </c>
      <c r="T106" s="6" t="s">
        <v>19</v>
      </c>
      <c r="U106" s="6" t="s">
        <v>20</v>
      </c>
      <c r="V106" s="6" t="s">
        <v>21</v>
      </c>
      <c r="W106" s="6" t="s">
        <v>22</v>
      </c>
    </row>
    <row r="107" spans="1:23" s="10" customFormat="1">
      <c r="A107" s="7" t="s">
        <v>23</v>
      </c>
      <c r="B107" s="8">
        <v>1</v>
      </c>
      <c r="C107" s="9"/>
      <c r="D107" s="9"/>
      <c r="E107" s="9"/>
      <c r="F107" s="9"/>
      <c r="G107" s="9"/>
      <c r="H107" s="9"/>
      <c r="I107" s="9"/>
      <c r="J107" s="9"/>
      <c r="K107" s="9"/>
      <c r="L107" s="9"/>
      <c r="M107" s="9"/>
      <c r="N107" s="9"/>
      <c r="O107" s="9"/>
      <c r="P107" s="9"/>
      <c r="Q107" s="9"/>
      <c r="R107" s="9"/>
      <c r="S107" s="9"/>
      <c r="T107" s="9"/>
      <c r="U107" s="9"/>
      <c r="V107" s="9"/>
      <c r="W107" s="9"/>
    </row>
    <row r="108" spans="1:23" s="10" customFormat="1">
      <c r="A108" s="10" t="s">
        <v>24</v>
      </c>
      <c r="B108" s="11">
        <v>0.82730000000000004</v>
      </c>
      <c r="C108" s="9"/>
      <c r="D108" s="9">
        <v>0</v>
      </c>
      <c r="E108" s="9">
        <v>0</v>
      </c>
      <c r="F108" s="9">
        <v>0</v>
      </c>
      <c r="G108" s="9">
        <v>0</v>
      </c>
      <c r="H108" s="9">
        <v>0</v>
      </c>
      <c r="I108" s="9">
        <v>0</v>
      </c>
      <c r="J108" s="9">
        <v>0</v>
      </c>
      <c r="K108" s="9">
        <v>0</v>
      </c>
      <c r="L108" s="9">
        <v>0</v>
      </c>
      <c r="M108" s="9">
        <v>0</v>
      </c>
      <c r="N108" s="9">
        <v>0</v>
      </c>
      <c r="O108" s="9">
        <v>0</v>
      </c>
      <c r="P108" s="9">
        <v>0</v>
      </c>
      <c r="Q108" s="9">
        <v>0</v>
      </c>
      <c r="R108" s="9">
        <v>0</v>
      </c>
      <c r="S108" s="9">
        <v>0</v>
      </c>
      <c r="T108" s="9">
        <v>0</v>
      </c>
      <c r="U108" s="9">
        <v>0</v>
      </c>
      <c r="V108" s="9">
        <v>0</v>
      </c>
      <c r="W108" s="9">
        <v>1</v>
      </c>
    </row>
    <row r="109" spans="1:23" s="10" customFormat="1">
      <c r="A109" s="10" t="s">
        <v>25</v>
      </c>
      <c r="B109" s="11">
        <v>0.67179999999999995</v>
      </c>
      <c r="C109" s="9"/>
      <c r="D109" s="9">
        <v>0</v>
      </c>
      <c r="E109" s="9">
        <v>0</v>
      </c>
      <c r="F109" s="9">
        <v>0</v>
      </c>
      <c r="G109" s="9">
        <v>0</v>
      </c>
      <c r="H109" s="9">
        <v>0</v>
      </c>
      <c r="I109" s="9">
        <v>0</v>
      </c>
      <c r="J109" s="9">
        <v>0</v>
      </c>
      <c r="K109" s="9">
        <v>0</v>
      </c>
      <c r="L109" s="9">
        <v>0</v>
      </c>
      <c r="M109" s="9">
        <v>0</v>
      </c>
      <c r="N109" s="9">
        <v>0</v>
      </c>
      <c r="O109" s="9">
        <v>0</v>
      </c>
      <c r="P109" s="9">
        <v>0</v>
      </c>
      <c r="Q109" s="9">
        <v>0</v>
      </c>
      <c r="R109" s="9">
        <v>0</v>
      </c>
      <c r="S109" s="9">
        <v>0</v>
      </c>
      <c r="T109" s="9">
        <v>0</v>
      </c>
      <c r="U109" s="9">
        <v>0</v>
      </c>
      <c r="V109" s="9">
        <v>0</v>
      </c>
      <c r="W109" s="9">
        <v>1</v>
      </c>
    </row>
    <row r="110" spans="1:23" s="10" customFormat="1">
      <c r="A110" s="12" t="s">
        <v>26</v>
      </c>
      <c r="B110" s="11">
        <v>0.53359999999999996</v>
      </c>
      <c r="C110" s="9"/>
      <c r="D110" s="9">
        <v>0</v>
      </c>
      <c r="E110" s="9">
        <v>0</v>
      </c>
      <c r="F110" s="9">
        <v>0</v>
      </c>
      <c r="G110" s="9">
        <v>0</v>
      </c>
      <c r="H110" s="9">
        <v>0</v>
      </c>
      <c r="I110" s="9">
        <v>0</v>
      </c>
      <c r="J110" s="9">
        <v>0</v>
      </c>
      <c r="K110" s="9">
        <v>0</v>
      </c>
      <c r="L110" s="9">
        <v>0</v>
      </c>
      <c r="M110" s="9">
        <v>0</v>
      </c>
      <c r="N110" s="9">
        <v>0</v>
      </c>
      <c r="O110" s="9">
        <v>0</v>
      </c>
      <c r="P110" s="9">
        <v>0</v>
      </c>
      <c r="Q110" s="9">
        <v>0</v>
      </c>
      <c r="R110" s="9">
        <v>0</v>
      </c>
      <c r="S110" s="9">
        <v>0</v>
      </c>
      <c r="T110" s="9">
        <v>0</v>
      </c>
      <c r="U110" s="9">
        <v>0</v>
      </c>
      <c r="V110" s="9">
        <v>0</v>
      </c>
      <c r="W110" s="9">
        <v>1</v>
      </c>
    </row>
    <row r="111" spans="1:23" s="10" customFormat="1">
      <c r="A111" s="10" t="s">
        <v>27</v>
      </c>
      <c r="B111" s="11">
        <v>0.41270000000000001</v>
      </c>
      <c r="C111" s="9"/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  <c r="L111" s="9">
        <v>0</v>
      </c>
      <c r="M111" s="9">
        <v>0</v>
      </c>
      <c r="N111" s="9">
        <v>0</v>
      </c>
      <c r="O111" s="9">
        <v>0</v>
      </c>
      <c r="P111" s="9">
        <v>0</v>
      </c>
      <c r="Q111" s="9">
        <v>0</v>
      </c>
      <c r="R111" s="9">
        <v>0</v>
      </c>
      <c r="S111" s="9">
        <v>0</v>
      </c>
      <c r="T111" s="9">
        <v>0</v>
      </c>
      <c r="U111" s="9">
        <v>0</v>
      </c>
      <c r="V111" s="9">
        <v>0</v>
      </c>
      <c r="W111" s="9">
        <v>1</v>
      </c>
    </row>
    <row r="112" spans="1:23" s="10" customFormat="1">
      <c r="A112" s="10" t="s">
        <v>28</v>
      </c>
      <c r="B112" s="11">
        <v>0.30909999999999999</v>
      </c>
      <c r="C112" s="9"/>
      <c r="D112" s="9">
        <v>0</v>
      </c>
      <c r="E112" s="9">
        <v>0</v>
      </c>
      <c r="F112" s="9">
        <v>0</v>
      </c>
      <c r="G112" s="9">
        <v>0</v>
      </c>
      <c r="H112" s="9">
        <v>0</v>
      </c>
      <c r="I112" s="9">
        <v>0</v>
      </c>
      <c r="J112" s="9">
        <v>0</v>
      </c>
      <c r="K112" s="9">
        <v>0</v>
      </c>
      <c r="L112" s="9">
        <v>0</v>
      </c>
      <c r="M112" s="9">
        <v>0</v>
      </c>
      <c r="N112" s="9">
        <v>0</v>
      </c>
      <c r="O112" s="9">
        <v>0</v>
      </c>
      <c r="P112" s="9">
        <v>0</v>
      </c>
      <c r="Q112" s="9">
        <v>0</v>
      </c>
      <c r="R112" s="9">
        <v>0</v>
      </c>
      <c r="S112" s="9">
        <v>0</v>
      </c>
      <c r="T112" s="9">
        <v>0</v>
      </c>
      <c r="U112" s="9">
        <v>0</v>
      </c>
      <c r="V112" s="9">
        <v>0</v>
      </c>
      <c r="W112" s="9">
        <v>1</v>
      </c>
    </row>
    <row r="113" spans="1:23" s="10" customFormat="1">
      <c r="A113" s="10" t="s">
        <v>29</v>
      </c>
      <c r="B113" s="11">
        <v>0.22270000000000001</v>
      </c>
      <c r="C113" s="9"/>
      <c r="D113" s="9">
        <v>0</v>
      </c>
      <c r="E113" s="9">
        <v>0</v>
      </c>
      <c r="F113" s="9">
        <v>0</v>
      </c>
      <c r="G113" s="9">
        <v>0</v>
      </c>
      <c r="H113" s="9">
        <v>0</v>
      </c>
      <c r="I113" s="9">
        <v>0</v>
      </c>
      <c r="J113" s="9">
        <v>0</v>
      </c>
      <c r="K113" s="9">
        <v>0</v>
      </c>
      <c r="L113" s="9">
        <v>0</v>
      </c>
      <c r="M113" s="9">
        <v>0</v>
      </c>
      <c r="N113" s="9">
        <v>0</v>
      </c>
      <c r="O113" s="9">
        <v>0</v>
      </c>
      <c r="P113" s="9">
        <v>0</v>
      </c>
      <c r="Q113" s="9">
        <v>0</v>
      </c>
      <c r="R113" s="9">
        <v>0</v>
      </c>
      <c r="S113" s="9">
        <v>0</v>
      </c>
      <c r="T113" s="9">
        <v>0</v>
      </c>
      <c r="U113" s="9">
        <v>0</v>
      </c>
      <c r="V113" s="9">
        <v>0</v>
      </c>
      <c r="W113" s="9">
        <v>1</v>
      </c>
    </row>
    <row r="114" spans="1:23" s="10" customFormat="1">
      <c r="A114" s="10" t="s">
        <v>30</v>
      </c>
      <c r="B114" s="11">
        <v>0.15359999999999999</v>
      </c>
      <c r="C114" s="9"/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  <c r="L114" s="9">
        <v>0</v>
      </c>
      <c r="M114" s="9">
        <v>0</v>
      </c>
      <c r="N114" s="9">
        <v>0</v>
      </c>
      <c r="O114" s="9">
        <v>0</v>
      </c>
      <c r="P114" s="9">
        <v>0</v>
      </c>
      <c r="Q114" s="9">
        <v>0</v>
      </c>
      <c r="R114" s="9">
        <v>0</v>
      </c>
      <c r="S114" s="9">
        <v>0</v>
      </c>
      <c r="T114" s="9">
        <v>0</v>
      </c>
      <c r="U114" s="9">
        <v>0</v>
      </c>
      <c r="V114" s="9">
        <v>0</v>
      </c>
      <c r="W114" s="9">
        <v>1</v>
      </c>
    </row>
    <row r="115" spans="1:23" s="10" customFormat="1">
      <c r="A115" s="10" t="s">
        <v>31</v>
      </c>
      <c r="B115" s="11">
        <v>0.1018</v>
      </c>
      <c r="C115" s="9"/>
      <c r="D115" s="9">
        <v>0</v>
      </c>
      <c r="E115" s="9">
        <v>0</v>
      </c>
      <c r="F115" s="9">
        <v>0</v>
      </c>
      <c r="G115" s="9">
        <v>0</v>
      </c>
      <c r="H115" s="9">
        <v>0</v>
      </c>
      <c r="I115" s="9">
        <v>0</v>
      </c>
      <c r="J115" s="9">
        <v>0</v>
      </c>
      <c r="K115" s="9">
        <v>0</v>
      </c>
      <c r="L115" s="9">
        <v>0</v>
      </c>
      <c r="M115" s="9">
        <v>0</v>
      </c>
      <c r="N115" s="9">
        <v>0</v>
      </c>
      <c r="O115" s="9">
        <v>0</v>
      </c>
      <c r="P115" s="9">
        <v>0</v>
      </c>
      <c r="Q115" s="9">
        <v>0</v>
      </c>
      <c r="R115" s="9">
        <v>0</v>
      </c>
      <c r="S115" s="9">
        <v>0</v>
      </c>
      <c r="T115" s="9">
        <v>0</v>
      </c>
      <c r="U115" s="9">
        <v>0</v>
      </c>
      <c r="V115" s="9">
        <v>0</v>
      </c>
      <c r="W115" s="9">
        <v>1</v>
      </c>
    </row>
    <row r="116" spans="1:23" s="10" customFormat="1">
      <c r="A116" s="10" t="s">
        <v>32</v>
      </c>
      <c r="B116" s="11">
        <v>6.7299999999999999E-2</v>
      </c>
      <c r="C116" s="9"/>
      <c r="D116" s="9">
        <v>0</v>
      </c>
      <c r="E116" s="9">
        <v>0</v>
      </c>
      <c r="F116" s="9">
        <v>0</v>
      </c>
      <c r="G116" s="9">
        <v>0</v>
      </c>
      <c r="H116" s="9">
        <v>0</v>
      </c>
      <c r="I116" s="9">
        <v>0</v>
      </c>
      <c r="J116" s="9">
        <v>0</v>
      </c>
      <c r="K116" s="9">
        <v>0</v>
      </c>
      <c r="L116" s="9">
        <v>0</v>
      </c>
      <c r="M116" s="9">
        <v>0</v>
      </c>
      <c r="N116" s="9">
        <v>0</v>
      </c>
      <c r="O116" s="9">
        <v>0</v>
      </c>
      <c r="P116" s="9">
        <v>0</v>
      </c>
      <c r="Q116" s="9">
        <v>0</v>
      </c>
      <c r="R116" s="9">
        <v>0</v>
      </c>
      <c r="S116" s="9">
        <v>0</v>
      </c>
      <c r="T116" s="9">
        <v>0</v>
      </c>
      <c r="U116" s="9">
        <v>0</v>
      </c>
      <c r="V116" s="9">
        <v>0</v>
      </c>
      <c r="W116" s="9">
        <v>1</v>
      </c>
    </row>
    <row r="117" spans="1:23" s="10" customFormat="1">
      <c r="A117" s="13" t="s">
        <v>33</v>
      </c>
      <c r="B117" s="17">
        <v>0.05</v>
      </c>
      <c r="C117" s="14"/>
      <c r="D117" s="14">
        <v>1</v>
      </c>
      <c r="E117" s="14">
        <v>1</v>
      </c>
      <c r="F117" s="14">
        <v>1</v>
      </c>
      <c r="G117" s="14">
        <v>1</v>
      </c>
      <c r="H117" s="14">
        <v>1</v>
      </c>
      <c r="I117" s="14">
        <v>1</v>
      </c>
      <c r="J117" s="14">
        <v>1</v>
      </c>
      <c r="K117" s="14">
        <v>1</v>
      </c>
      <c r="L117" s="14">
        <v>1</v>
      </c>
      <c r="M117" s="14">
        <v>1</v>
      </c>
      <c r="N117" s="14">
        <v>1</v>
      </c>
      <c r="O117" s="14">
        <v>1</v>
      </c>
      <c r="P117" s="14">
        <v>1</v>
      </c>
      <c r="Q117" s="14">
        <v>1</v>
      </c>
      <c r="R117" s="14">
        <v>1</v>
      </c>
      <c r="S117" s="14">
        <v>1</v>
      </c>
      <c r="T117" s="14">
        <v>1</v>
      </c>
      <c r="U117" s="14">
        <v>1</v>
      </c>
      <c r="V117" s="14">
        <v>1</v>
      </c>
      <c r="W117" s="14">
        <v>2</v>
      </c>
    </row>
    <row r="118" spans="1:23" s="10" customFormat="1">
      <c r="A118" s="15" t="s">
        <v>34</v>
      </c>
      <c r="B118" s="15"/>
      <c r="C118" s="16">
        <v>0</v>
      </c>
      <c r="D118" s="16">
        <v>1</v>
      </c>
      <c r="E118" s="16">
        <v>1</v>
      </c>
      <c r="F118" s="16">
        <v>1</v>
      </c>
      <c r="G118" s="16">
        <v>1</v>
      </c>
      <c r="H118" s="16">
        <v>1</v>
      </c>
      <c r="I118" s="16">
        <v>1</v>
      </c>
      <c r="J118" s="16">
        <v>1</v>
      </c>
      <c r="K118" s="16">
        <v>1</v>
      </c>
      <c r="L118" s="16">
        <v>1</v>
      </c>
      <c r="M118" s="16">
        <v>1</v>
      </c>
      <c r="N118" s="16">
        <v>1</v>
      </c>
      <c r="O118" s="16">
        <v>1</v>
      </c>
      <c r="P118" s="16">
        <v>1</v>
      </c>
      <c r="Q118" s="16">
        <v>1</v>
      </c>
      <c r="R118" s="16">
        <v>1</v>
      </c>
      <c r="S118" s="16">
        <v>1</v>
      </c>
      <c r="T118" s="16">
        <v>1</v>
      </c>
      <c r="U118" s="16">
        <v>1</v>
      </c>
      <c r="V118" s="16">
        <v>1</v>
      </c>
      <c r="W118" s="16">
        <v>11</v>
      </c>
    </row>
    <row r="119" spans="1:23" s="10" customFormat="1">
      <c r="A119" s="162"/>
      <c r="B119" s="162"/>
      <c r="C119" s="163"/>
      <c r="D119" s="163"/>
      <c r="E119" s="163"/>
      <c r="F119" s="163"/>
      <c r="G119" s="163"/>
      <c r="H119" s="163"/>
      <c r="I119" s="163"/>
      <c r="J119" s="163"/>
      <c r="K119" s="163"/>
      <c r="L119" s="163"/>
      <c r="M119" s="163"/>
      <c r="N119" s="163"/>
      <c r="O119" s="163"/>
      <c r="P119" s="163"/>
      <c r="Q119" s="163"/>
      <c r="R119" s="163"/>
      <c r="S119" s="163"/>
      <c r="T119" s="163"/>
      <c r="U119" s="163"/>
      <c r="V119" s="163"/>
      <c r="W119" s="163"/>
    </row>
    <row r="120" spans="1:23">
      <c r="B120" s="18"/>
      <c r="C120" s="18"/>
    </row>
    <row r="121" spans="1:23" ht="18">
      <c r="A121" s="158" t="s">
        <v>146</v>
      </c>
    </row>
    <row r="122" spans="1:23" ht="15.75">
      <c r="A122" s="159" t="s">
        <v>144</v>
      </c>
      <c r="B122" s="159"/>
      <c r="C122" s="160">
        <v>0.05</v>
      </c>
    </row>
    <row r="123" spans="1:23">
      <c r="A123" s="5" t="s">
        <v>0</v>
      </c>
      <c r="B123" s="6"/>
      <c r="C123" s="6" t="s">
        <v>2</v>
      </c>
      <c r="D123" s="6" t="s">
        <v>3</v>
      </c>
      <c r="E123" s="6" t="s">
        <v>4</v>
      </c>
      <c r="F123" s="6" t="s">
        <v>5</v>
      </c>
      <c r="G123" s="6" t="s">
        <v>6</v>
      </c>
      <c r="H123" s="6" t="s">
        <v>7</v>
      </c>
      <c r="I123" s="6" t="s">
        <v>8</v>
      </c>
      <c r="J123" s="6" t="s">
        <v>9</v>
      </c>
      <c r="K123" s="6" t="s">
        <v>10</v>
      </c>
      <c r="L123" s="6" t="s">
        <v>11</v>
      </c>
      <c r="M123" s="6" t="s">
        <v>12</v>
      </c>
      <c r="N123" s="6" t="s">
        <v>13</v>
      </c>
      <c r="O123" s="6" t="s">
        <v>14</v>
      </c>
      <c r="P123" s="6" t="s">
        <v>15</v>
      </c>
      <c r="Q123" s="6" t="s">
        <v>16</v>
      </c>
      <c r="R123" s="6" t="s">
        <v>17</v>
      </c>
      <c r="S123" s="6" t="s">
        <v>18</v>
      </c>
      <c r="T123" s="6" t="s">
        <v>19</v>
      </c>
      <c r="U123" s="6" t="s">
        <v>20</v>
      </c>
      <c r="V123" s="6" t="s">
        <v>21</v>
      </c>
      <c r="W123" s="6" t="s">
        <v>22</v>
      </c>
    </row>
    <row r="124" spans="1:23" s="10" customFormat="1">
      <c r="A124" s="7" t="s">
        <v>23</v>
      </c>
      <c r="B124" s="8">
        <v>1</v>
      </c>
      <c r="C124" s="9"/>
      <c r="D124" s="9"/>
      <c r="E124" s="9"/>
      <c r="F124" s="9"/>
      <c r="G124" s="9"/>
      <c r="H124" s="9"/>
      <c r="I124" s="9"/>
      <c r="J124" s="9"/>
      <c r="K124" s="9"/>
      <c r="L124" s="9"/>
      <c r="M124" s="9"/>
      <c r="N124" s="9"/>
      <c r="O124" s="9"/>
      <c r="P124" s="9"/>
      <c r="Q124" s="9"/>
      <c r="R124" s="9"/>
      <c r="S124" s="9"/>
      <c r="T124" s="9"/>
      <c r="U124" s="9"/>
      <c r="V124" s="9"/>
      <c r="W124" s="9"/>
    </row>
    <row r="125" spans="1:23" s="10" customFormat="1">
      <c r="A125" s="10" t="s">
        <v>24</v>
      </c>
      <c r="B125" s="11">
        <v>0.82730000000000004</v>
      </c>
      <c r="C125" s="9"/>
      <c r="D125" s="9">
        <v>0</v>
      </c>
      <c r="E125" s="9">
        <v>0</v>
      </c>
      <c r="F125" s="9">
        <v>0</v>
      </c>
      <c r="G125" s="9">
        <v>0</v>
      </c>
      <c r="H125" s="9">
        <v>0</v>
      </c>
      <c r="I125" s="9">
        <v>0</v>
      </c>
      <c r="J125" s="9">
        <v>0</v>
      </c>
      <c r="K125" s="9">
        <v>0</v>
      </c>
      <c r="L125" s="9">
        <v>0</v>
      </c>
      <c r="M125" s="9">
        <v>0</v>
      </c>
      <c r="N125" s="9">
        <v>0</v>
      </c>
      <c r="O125" s="9">
        <v>0</v>
      </c>
      <c r="P125" s="9">
        <v>0</v>
      </c>
      <c r="Q125" s="9">
        <v>0</v>
      </c>
      <c r="R125" s="9">
        <v>0</v>
      </c>
      <c r="S125" s="9">
        <v>0</v>
      </c>
      <c r="T125" s="9">
        <v>0</v>
      </c>
      <c r="U125" s="9">
        <v>0</v>
      </c>
      <c r="V125" s="9">
        <v>0</v>
      </c>
      <c r="W125" s="9">
        <v>0</v>
      </c>
    </row>
    <row r="126" spans="1:23" s="10" customFormat="1">
      <c r="A126" s="10" t="s">
        <v>25</v>
      </c>
      <c r="B126" s="11">
        <v>0.67179999999999995</v>
      </c>
      <c r="C126" s="9"/>
      <c r="D126" s="9">
        <v>0</v>
      </c>
      <c r="E126" s="9">
        <v>0</v>
      </c>
      <c r="F126" s="9">
        <v>0</v>
      </c>
      <c r="G126" s="9">
        <v>0</v>
      </c>
      <c r="H126" s="9">
        <v>0</v>
      </c>
      <c r="I126" s="9">
        <v>0</v>
      </c>
      <c r="J126" s="9">
        <v>0</v>
      </c>
      <c r="K126" s="9">
        <v>0</v>
      </c>
      <c r="L126" s="9">
        <v>0</v>
      </c>
      <c r="M126" s="9">
        <v>0</v>
      </c>
      <c r="N126" s="9">
        <v>0</v>
      </c>
      <c r="O126" s="9">
        <v>0</v>
      </c>
      <c r="P126" s="9">
        <v>0</v>
      </c>
      <c r="Q126" s="9">
        <v>0</v>
      </c>
      <c r="R126" s="9">
        <v>0</v>
      </c>
      <c r="S126" s="9">
        <v>0</v>
      </c>
      <c r="T126" s="9">
        <v>0</v>
      </c>
      <c r="U126" s="9">
        <v>0</v>
      </c>
      <c r="V126" s="9">
        <v>0</v>
      </c>
      <c r="W126" s="9">
        <v>1</v>
      </c>
    </row>
    <row r="127" spans="1:23" s="10" customFormat="1">
      <c r="A127" s="12" t="s">
        <v>26</v>
      </c>
      <c r="B127" s="11">
        <v>0.53359999999999996</v>
      </c>
      <c r="C127" s="9"/>
      <c r="D127" s="9">
        <v>0</v>
      </c>
      <c r="E127" s="9">
        <v>0</v>
      </c>
      <c r="F127" s="9">
        <v>0</v>
      </c>
      <c r="G127" s="9">
        <v>0</v>
      </c>
      <c r="H127" s="9">
        <v>0</v>
      </c>
      <c r="I127" s="9">
        <v>0</v>
      </c>
      <c r="J127" s="9">
        <v>0</v>
      </c>
      <c r="K127" s="9">
        <v>0</v>
      </c>
      <c r="L127" s="9">
        <v>0</v>
      </c>
      <c r="M127" s="9">
        <v>0</v>
      </c>
      <c r="N127" s="9">
        <v>0</v>
      </c>
      <c r="O127" s="9">
        <v>0</v>
      </c>
      <c r="P127" s="9">
        <v>0</v>
      </c>
      <c r="Q127" s="9">
        <v>0</v>
      </c>
      <c r="R127" s="9">
        <v>0</v>
      </c>
      <c r="S127" s="9">
        <v>0</v>
      </c>
      <c r="T127" s="9">
        <v>0</v>
      </c>
      <c r="U127" s="9">
        <v>0</v>
      </c>
      <c r="V127" s="9">
        <v>0</v>
      </c>
      <c r="W127" s="9">
        <v>1</v>
      </c>
    </row>
    <row r="128" spans="1:23" s="10" customFormat="1">
      <c r="A128" s="10" t="s">
        <v>27</v>
      </c>
      <c r="B128" s="11">
        <v>0.41270000000000001</v>
      </c>
      <c r="C128" s="9"/>
      <c r="D128" s="9">
        <v>0</v>
      </c>
      <c r="E128" s="9">
        <v>0</v>
      </c>
      <c r="F128" s="9">
        <v>0</v>
      </c>
      <c r="G128" s="9">
        <v>0</v>
      </c>
      <c r="H128" s="9">
        <v>0</v>
      </c>
      <c r="I128" s="9">
        <v>0</v>
      </c>
      <c r="J128" s="9">
        <v>0</v>
      </c>
      <c r="K128" s="9">
        <v>0</v>
      </c>
      <c r="L128" s="9">
        <v>0</v>
      </c>
      <c r="M128" s="9">
        <v>0</v>
      </c>
      <c r="N128" s="9">
        <v>0</v>
      </c>
      <c r="O128" s="9">
        <v>0</v>
      </c>
      <c r="P128" s="9">
        <v>0</v>
      </c>
      <c r="Q128" s="9">
        <v>0</v>
      </c>
      <c r="R128" s="9">
        <v>0</v>
      </c>
      <c r="S128" s="9">
        <v>0</v>
      </c>
      <c r="T128" s="9">
        <v>0</v>
      </c>
      <c r="U128" s="9">
        <v>0</v>
      </c>
      <c r="V128" s="9">
        <v>0</v>
      </c>
      <c r="W128" s="9">
        <v>1</v>
      </c>
    </row>
    <row r="129" spans="1:23" s="10" customFormat="1">
      <c r="A129" s="10" t="s">
        <v>28</v>
      </c>
      <c r="B129" s="11">
        <v>0.30909999999999999</v>
      </c>
      <c r="C129" s="9"/>
      <c r="D129" s="9">
        <v>0</v>
      </c>
      <c r="E129" s="9">
        <v>0</v>
      </c>
      <c r="F129" s="9">
        <v>0</v>
      </c>
      <c r="G129" s="9">
        <v>0</v>
      </c>
      <c r="H129" s="9">
        <v>0</v>
      </c>
      <c r="I129" s="9">
        <v>0</v>
      </c>
      <c r="J129" s="9">
        <v>0</v>
      </c>
      <c r="K129" s="9">
        <v>0</v>
      </c>
      <c r="L129" s="9">
        <v>0</v>
      </c>
      <c r="M129" s="9">
        <v>0</v>
      </c>
      <c r="N129" s="9">
        <v>0</v>
      </c>
      <c r="O129" s="9">
        <v>0</v>
      </c>
      <c r="P129" s="9">
        <v>0</v>
      </c>
      <c r="Q129" s="9">
        <v>0</v>
      </c>
      <c r="R129" s="9">
        <v>0</v>
      </c>
      <c r="S129" s="9">
        <v>0</v>
      </c>
      <c r="T129" s="9">
        <v>0</v>
      </c>
      <c r="U129" s="9">
        <v>0</v>
      </c>
      <c r="V129" s="9">
        <v>0</v>
      </c>
      <c r="W129" s="9">
        <v>1</v>
      </c>
    </row>
    <row r="130" spans="1:23" s="10" customFormat="1">
      <c r="A130" s="10" t="s">
        <v>29</v>
      </c>
      <c r="B130" s="11">
        <v>0.22270000000000001</v>
      </c>
      <c r="C130" s="9"/>
      <c r="D130" s="9">
        <v>0</v>
      </c>
      <c r="E130" s="9">
        <v>0</v>
      </c>
      <c r="F130" s="9">
        <v>0</v>
      </c>
      <c r="G130" s="9">
        <v>0</v>
      </c>
      <c r="H130" s="9">
        <v>0</v>
      </c>
      <c r="I130" s="9">
        <v>0</v>
      </c>
      <c r="J130" s="9">
        <v>0</v>
      </c>
      <c r="K130" s="9">
        <v>0</v>
      </c>
      <c r="L130" s="9">
        <v>0</v>
      </c>
      <c r="M130" s="9">
        <v>0</v>
      </c>
      <c r="N130" s="9">
        <v>0</v>
      </c>
      <c r="O130" s="9">
        <v>0</v>
      </c>
      <c r="P130" s="9">
        <v>0</v>
      </c>
      <c r="Q130" s="9">
        <v>0</v>
      </c>
      <c r="R130" s="9">
        <v>0</v>
      </c>
      <c r="S130" s="9">
        <v>0</v>
      </c>
      <c r="T130" s="9">
        <v>0</v>
      </c>
      <c r="U130" s="9">
        <v>0</v>
      </c>
      <c r="V130" s="9">
        <v>0</v>
      </c>
      <c r="W130" s="9">
        <v>0</v>
      </c>
    </row>
    <row r="131" spans="1:23" s="10" customFormat="1">
      <c r="A131" s="10" t="s">
        <v>30</v>
      </c>
      <c r="B131" s="11">
        <v>0.15359999999999999</v>
      </c>
      <c r="C131" s="9"/>
      <c r="D131" s="9">
        <v>0</v>
      </c>
      <c r="E131" s="9">
        <v>0</v>
      </c>
      <c r="F131" s="9">
        <v>0</v>
      </c>
      <c r="G131" s="9">
        <v>0</v>
      </c>
      <c r="H131" s="9">
        <v>0</v>
      </c>
      <c r="I131" s="9">
        <v>0</v>
      </c>
      <c r="J131" s="9">
        <v>0</v>
      </c>
      <c r="K131" s="9">
        <v>0</v>
      </c>
      <c r="L131" s="9">
        <v>0</v>
      </c>
      <c r="M131" s="9">
        <v>0</v>
      </c>
      <c r="N131" s="9">
        <v>0</v>
      </c>
      <c r="O131" s="9">
        <v>0</v>
      </c>
      <c r="P131" s="9">
        <v>0</v>
      </c>
      <c r="Q131" s="9">
        <v>0</v>
      </c>
      <c r="R131" s="9">
        <v>0</v>
      </c>
      <c r="S131" s="9">
        <v>0</v>
      </c>
      <c r="T131" s="9">
        <v>0</v>
      </c>
      <c r="U131" s="9">
        <v>0</v>
      </c>
      <c r="V131" s="9">
        <v>0</v>
      </c>
      <c r="W131" s="9">
        <v>0</v>
      </c>
    </row>
    <row r="132" spans="1:23" s="10" customFormat="1">
      <c r="A132" s="10" t="s">
        <v>31</v>
      </c>
      <c r="B132" s="11">
        <v>0.1018</v>
      </c>
      <c r="C132" s="9"/>
      <c r="D132" s="9">
        <v>0</v>
      </c>
      <c r="E132" s="9">
        <v>0</v>
      </c>
      <c r="F132" s="9">
        <v>0</v>
      </c>
      <c r="G132" s="9">
        <v>0</v>
      </c>
      <c r="H132" s="9">
        <v>0</v>
      </c>
      <c r="I132" s="9">
        <v>0</v>
      </c>
      <c r="J132" s="9">
        <v>0</v>
      </c>
      <c r="K132" s="9">
        <v>0</v>
      </c>
      <c r="L132" s="9">
        <v>0</v>
      </c>
      <c r="M132" s="9">
        <v>0</v>
      </c>
      <c r="N132" s="9">
        <v>0</v>
      </c>
      <c r="O132" s="9">
        <v>0</v>
      </c>
      <c r="P132" s="9">
        <v>0</v>
      </c>
      <c r="Q132" s="9">
        <v>0</v>
      </c>
      <c r="R132" s="9">
        <v>0</v>
      </c>
      <c r="S132" s="9">
        <v>0</v>
      </c>
      <c r="T132" s="9">
        <v>0</v>
      </c>
      <c r="U132" s="9">
        <v>0</v>
      </c>
      <c r="V132" s="9">
        <v>0</v>
      </c>
      <c r="W132" s="9">
        <v>0</v>
      </c>
    </row>
    <row r="133" spans="1:23" s="10" customFormat="1">
      <c r="A133" s="10" t="s">
        <v>32</v>
      </c>
      <c r="B133" s="11">
        <v>6.7299999999999999E-2</v>
      </c>
      <c r="C133" s="9"/>
      <c r="D133" s="9">
        <v>0</v>
      </c>
      <c r="E133" s="9">
        <v>0</v>
      </c>
      <c r="F133" s="9">
        <v>0</v>
      </c>
      <c r="G133" s="9">
        <v>0</v>
      </c>
      <c r="H133" s="9">
        <v>0</v>
      </c>
      <c r="I133" s="9">
        <v>0</v>
      </c>
      <c r="J133" s="9">
        <v>0</v>
      </c>
      <c r="K133" s="9">
        <v>0</v>
      </c>
      <c r="L133" s="9">
        <v>0</v>
      </c>
      <c r="M133" s="9">
        <v>0</v>
      </c>
      <c r="N133" s="9">
        <v>0</v>
      </c>
      <c r="O133" s="9">
        <v>0</v>
      </c>
      <c r="P133" s="9">
        <v>0</v>
      </c>
      <c r="Q133" s="9">
        <v>0</v>
      </c>
      <c r="R133" s="9">
        <v>0</v>
      </c>
      <c r="S133" s="9">
        <v>0</v>
      </c>
      <c r="T133" s="9">
        <v>0</v>
      </c>
      <c r="U133" s="9">
        <v>0</v>
      </c>
      <c r="V133" s="9">
        <v>0</v>
      </c>
      <c r="W133" s="9">
        <v>0</v>
      </c>
    </row>
    <row r="134" spans="1:23" s="10" customFormat="1">
      <c r="A134" s="13" t="s">
        <v>33</v>
      </c>
      <c r="B134" s="17">
        <v>0.05</v>
      </c>
      <c r="C134" s="14"/>
      <c r="D134" s="14">
        <v>0</v>
      </c>
      <c r="E134" s="14">
        <v>0</v>
      </c>
      <c r="F134" s="14">
        <v>0</v>
      </c>
      <c r="G134" s="14">
        <v>0</v>
      </c>
      <c r="H134" s="14">
        <v>0</v>
      </c>
      <c r="I134" s="14">
        <v>1</v>
      </c>
      <c r="J134" s="14">
        <v>1</v>
      </c>
      <c r="K134" s="14">
        <v>1</v>
      </c>
      <c r="L134" s="14">
        <v>1</v>
      </c>
      <c r="M134" s="14">
        <v>6</v>
      </c>
      <c r="N134" s="14">
        <v>0</v>
      </c>
      <c r="O134" s="14">
        <v>0</v>
      </c>
      <c r="P134" s="14">
        <v>0</v>
      </c>
      <c r="Q134" s="14">
        <v>0</v>
      </c>
      <c r="R134" s="14">
        <v>0</v>
      </c>
      <c r="S134" s="14">
        <v>1</v>
      </c>
      <c r="T134" s="14">
        <v>1</v>
      </c>
      <c r="U134" s="14">
        <v>1</v>
      </c>
      <c r="V134" s="14">
        <v>1</v>
      </c>
      <c r="W134" s="14">
        <v>6</v>
      </c>
    </row>
    <row r="135" spans="1:23" s="10" customFormat="1">
      <c r="A135" s="15" t="s">
        <v>34</v>
      </c>
      <c r="B135" s="15"/>
      <c r="C135" s="16">
        <v>0</v>
      </c>
      <c r="D135" s="16">
        <v>0</v>
      </c>
      <c r="E135" s="16">
        <v>0</v>
      </c>
      <c r="F135" s="16">
        <v>0</v>
      </c>
      <c r="G135" s="16">
        <v>0</v>
      </c>
      <c r="H135" s="16">
        <v>0</v>
      </c>
      <c r="I135" s="16">
        <v>1</v>
      </c>
      <c r="J135" s="16">
        <v>1</v>
      </c>
      <c r="K135" s="16">
        <v>1</v>
      </c>
      <c r="L135" s="16">
        <v>1</v>
      </c>
      <c r="M135" s="16">
        <v>6</v>
      </c>
      <c r="N135" s="16">
        <v>0</v>
      </c>
      <c r="O135" s="16">
        <v>0</v>
      </c>
      <c r="P135" s="16">
        <v>0</v>
      </c>
      <c r="Q135" s="16">
        <v>0</v>
      </c>
      <c r="R135" s="16">
        <v>0</v>
      </c>
      <c r="S135" s="16">
        <v>1</v>
      </c>
      <c r="T135" s="16">
        <v>1</v>
      </c>
      <c r="U135" s="16">
        <v>1</v>
      </c>
      <c r="V135" s="16">
        <v>1</v>
      </c>
      <c r="W135" s="16">
        <v>10</v>
      </c>
    </row>
    <row r="138" spans="1:23" ht="18">
      <c r="A138" s="158" t="s">
        <v>148</v>
      </c>
    </row>
    <row r="139" spans="1:23">
      <c r="A139" s="19" t="s">
        <v>35</v>
      </c>
      <c r="B139" s="20"/>
      <c r="C139" s="20" t="s">
        <v>2</v>
      </c>
      <c r="D139" s="20" t="s">
        <v>3</v>
      </c>
      <c r="E139" s="20" t="s">
        <v>4</v>
      </c>
      <c r="F139" s="20" t="s">
        <v>5</v>
      </c>
      <c r="G139" s="20" t="s">
        <v>6</v>
      </c>
      <c r="H139" s="20" t="s">
        <v>7</v>
      </c>
      <c r="I139" s="20" t="s">
        <v>8</v>
      </c>
      <c r="J139" s="20" t="s">
        <v>9</v>
      </c>
      <c r="K139" s="20" t="s">
        <v>10</v>
      </c>
      <c r="L139" s="20" t="s">
        <v>11</v>
      </c>
      <c r="M139" s="20" t="s">
        <v>12</v>
      </c>
      <c r="N139" s="20" t="s">
        <v>13</v>
      </c>
      <c r="O139" s="20" t="s">
        <v>14</v>
      </c>
      <c r="P139" s="20" t="s">
        <v>15</v>
      </c>
      <c r="Q139" s="20" t="s">
        <v>16</v>
      </c>
      <c r="R139" s="20" t="s">
        <v>17</v>
      </c>
      <c r="S139" s="20" t="s">
        <v>18</v>
      </c>
      <c r="T139" s="20" t="s">
        <v>19</v>
      </c>
      <c r="U139" s="20" t="s">
        <v>20</v>
      </c>
      <c r="V139" s="20" t="s">
        <v>21</v>
      </c>
      <c r="W139" s="21" t="s">
        <v>22</v>
      </c>
    </row>
    <row r="140" spans="1:23">
      <c r="A140" s="22" t="s">
        <v>36</v>
      </c>
      <c r="B140" s="23"/>
      <c r="C140" s="8"/>
      <c r="D140" s="24">
        <v>0.1</v>
      </c>
      <c r="E140" s="24">
        <v>0.1</v>
      </c>
      <c r="F140" s="24">
        <v>0.1</v>
      </c>
      <c r="G140" s="24">
        <v>0.1</v>
      </c>
      <c r="H140" s="24">
        <v>0.1</v>
      </c>
      <c r="I140" s="24">
        <v>0.1</v>
      </c>
      <c r="J140" s="24">
        <v>0.1</v>
      </c>
      <c r="K140" s="24">
        <v>0.1</v>
      </c>
      <c r="L140" s="24">
        <v>0.1</v>
      </c>
      <c r="M140" s="24">
        <v>0.1</v>
      </c>
      <c r="N140" s="24">
        <v>0.1</v>
      </c>
      <c r="O140" s="24">
        <v>0.1</v>
      </c>
      <c r="P140" s="24">
        <v>0.1</v>
      </c>
      <c r="Q140" s="24">
        <v>0.1</v>
      </c>
      <c r="R140" s="24">
        <v>0.1</v>
      </c>
      <c r="S140" s="24">
        <v>0.1</v>
      </c>
      <c r="T140" s="24">
        <v>0.1</v>
      </c>
      <c r="U140" s="24">
        <v>0.1</v>
      </c>
      <c r="V140" s="24">
        <v>0.1</v>
      </c>
      <c r="W140" s="25">
        <v>0.32497500000000001</v>
      </c>
    </row>
    <row r="141" spans="1:23">
      <c r="A141" s="26" t="s">
        <v>37</v>
      </c>
      <c r="B141" s="13"/>
      <c r="C141" s="14"/>
      <c r="D141" s="14">
        <v>1</v>
      </c>
      <c r="E141" s="14">
        <v>1</v>
      </c>
      <c r="F141" s="14">
        <v>1</v>
      </c>
      <c r="G141" s="14">
        <v>1</v>
      </c>
      <c r="H141" s="14">
        <v>1</v>
      </c>
      <c r="I141" s="14">
        <v>1</v>
      </c>
      <c r="J141" s="14">
        <v>1</v>
      </c>
      <c r="K141" s="14">
        <v>1</v>
      </c>
      <c r="L141" s="14">
        <v>1</v>
      </c>
      <c r="M141" s="14">
        <v>1</v>
      </c>
      <c r="N141" s="14">
        <v>1</v>
      </c>
      <c r="O141" s="14">
        <v>1</v>
      </c>
      <c r="P141" s="14">
        <v>1</v>
      </c>
      <c r="Q141" s="14">
        <v>1</v>
      </c>
      <c r="R141" s="14">
        <v>1</v>
      </c>
      <c r="S141" s="14">
        <v>1</v>
      </c>
      <c r="T141" s="14">
        <v>1</v>
      </c>
      <c r="U141" s="14">
        <v>1</v>
      </c>
      <c r="V141" s="14">
        <v>1</v>
      </c>
      <c r="W141" s="27">
        <v>8</v>
      </c>
    </row>
    <row r="144" spans="1:23">
      <c r="A144" s="19" t="s">
        <v>38</v>
      </c>
      <c r="B144" s="20"/>
      <c r="C144" s="20" t="s">
        <v>2</v>
      </c>
      <c r="D144" s="20" t="s">
        <v>3</v>
      </c>
      <c r="E144" s="20" t="s">
        <v>4</v>
      </c>
      <c r="F144" s="20" t="s">
        <v>5</v>
      </c>
      <c r="G144" s="20" t="s">
        <v>6</v>
      </c>
      <c r="H144" s="20" t="s">
        <v>7</v>
      </c>
      <c r="I144" s="20" t="s">
        <v>8</v>
      </c>
      <c r="J144" s="20" t="s">
        <v>9</v>
      </c>
      <c r="K144" s="20" t="s">
        <v>10</v>
      </c>
      <c r="L144" s="20" t="s">
        <v>11</v>
      </c>
      <c r="M144" s="20" t="s">
        <v>12</v>
      </c>
      <c r="N144" s="20" t="s">
        <v>13</v>
      </c>
      <c r="O144" s="20" t="s">
        <v>14</v>
      </c>
      <c r="P144" s="20" t="s">
        <v>15</v>
      </c>
      <c r="Q144" s="20" t="s">
        <v>16</v>
      </c>
      <c r="R144" s="20" t="s">
        <v>17</v>
      </c>
      <c r="S144" s="20" t="s">
        <v>18</v>
      </c>
      <c r="T144" s="20" t="s">
        <v>19</v>
      </c>
      <c r="U144" s="20" t="s">
        <v>20</v>
      </c>
      <c r="V144" s="20" t="s">
        <v>21</v>
      </c>
      <c r="W144" s="21" t="s">
        <v>22</v>
      </c>
    </row>
    <row r="145" spans="1:23">
      <c r="A145" s="22" t="s">
        <v>36</v>
      </c>
      <c r="B145" s="23"/>
      <c r="C145" s="8"/>
      <c r="D145" s="24">
        <v>0.05</v>
      </c>
      <c r="E145" s="24">
        <v>0.05</v>
      </c>
      <c r="F145" s="24">
        <v>0.05</v>
      </c>
      <c r="G145" s="24">
        <v>0.05</v>
      </c>
      <c r="H145" s="24">
        <v>0.05</v>
      </c>
      <c r="I145" s="24">
        <v>0.05</v>
      </c>
      <c r="J145" s="24">
        <v>0.05</v>
      </c>
      <c r="K145" s="24">
        <v>0.05</v>
      </c>
      <c r="L145" s="24">
        <v>0.05</v>
      </c>
      <c r="M145" s="24">
        <v>0.05</v>
      </c>
      <c r="N145" s="24">
        <v>0.05</v>
      </c>
      <c r="O145" s="24">
        <v>0.05</v>
      </c>
      <c r="P145" s="24">
        <v>0.05</v>
      </c>
      <c r="Q145" s="24">
        <v>0.05</v>
      </c>
      <c r="R145" s="24">
        <v>0.05</v>
      </c>
      <c r="S145" s="24">
        <v>0.05</v>
      </c>
      <c r="T145" s="24">
        <v>0.05</v>
      </c>
      <c r="U145" s="24">
        <v>0.05</v>
      </c>
      <c r="V145" s="24">
        <v>0.05</v>
      </c>
      <c r="W145" s="25">
        <v>0.30908181818181818</v>
      </c>
    </row>
    <row r="146" spans="1:23">
      <c r="A146" s="26" t="s">
        <v>37</v>
      </c>
      <c r="B146" s="13"/>
      <c r="C146" s="14"/>
      <c r="D146" s="14">
        <v>1</v>
      </c>
      <c r="E146" s="14">
        <v>1</v>
      </c>
      <c r="F146" s="14">
        <v>1</v>
      </c>
      <c r="G146" s="14">
        <v>1</v>
      </c>
      <c r="H146" s="14">
        <v>1</v>
      </c>
      <c r="I146" s="14">
        <v>1</v>
      </c>
      <c r="J146" s="14">
        <v>1</v>
      </c>
      <c r="K146" s="14">
        <v>1</v>
      </c>
      <c r="L146" s="14">
        <v>1</v>
      </c>
      <c r="M146" s="14">
        <v>1</v>
      </c>
      <c r="N146" s="14">
        <v>1</v>
      </c>
      <c r="O146" s="14">
        <v>1</v>
      </c>
      <c r="P146" s="14">
        <v>1</v>
      </c>
      <c r="Q146" s="14">
        <v>1</v>
      </c>
      <c r="R146" s="14">
        <v>1</v>
      </c>
      <c r="S146" s="14">
        <v>1</v>
      </c>
      <c r="T146" s="14">
        <v>1</v>
      </c>
      <c r="U146" s="14">
        <v>1</v>
      </c>
      <c r="V146" s="14">
        <v>1</v>
      </c>
      <c r="W146" s="27">
        <v>11</v>
      </c>
    </row>
    <row r="148" spans="1:23">
      <c r="A148" s="19" t="s">
        <v>40</v>
      </c>
      <c r="B148" s="20"/>
      <c r="C148" s="20" t="s">
        <v>2</v>
      </c>
      <c r="D148" s="20" t="s">
        <v>3</v>
      </c>
      <c r="E148" s="20" t="s">
        <v>4</v>
      </c>
      <c r="F148" s="20" t="s">
        <v>5</v>
      </c>
      <c r="G148" s="20" t="s">
        <v>6</v>
      </c>
      <c r="H148" s="20" t="s">
        <v>7</v>
      </c>
      <c r="I148" s="20" t="s">
        <v>8</v>
      </c>
      <c r="J148" s="20" t="s">
        <v>9</v>
      </c>
      <c r="K148" s="20" t="s">
        <v>10</v>
      </c>
      <c r="L148" s="20" t="s">
        <v>11</v>
      </c>
      <c r="M148" s="20" t="s">
        <v>12</v>
      </c>
      <c r="N148" s="20" t="s">
        <v>13</v>
      </c>
      <c r="O148" s="20" t="s">
        <v>14</v>
      </c>
      <c r="P148" s="20" t="s">
        <v>15</v>
      </c>
      <c r="Q148" s="20" t="s">
        <v>16</v>
      </c>
      <c r="R148" s="20" t="s">
        <v>17</v>
      </c>
      <c r="S148" s="20" t="s">
        <v>18</v>
      </c>
      <c r="T148" s="20" t="s">
        <v>19</v>
      </c>
      <c r="U148" s="20" t="s">
        <v>20</v>
      </c>
      <c r="V148" s="20" t="s">
        <v>21</v>
      </c>
      <c r="W148" s="21" t="s">
        <v>22</v>
      </c>
    </row>
    <row r="149" spans="1:23">
      <c r="A149" s="22" t="s">
        <v>36</v>
      </c>
      <c r="B149" s="23"/>
      <c r="C149" s="8"/>
      <c r="D149" s="24">
        <v>0</v>
      </c>
      <c r="E149" s="24">
        <v>0</v>
      </c>
      <c r="F149" s="24">
        <v>0</v>
      </c>
      <c r="G149" s="24">
        <v>0</v>
      </c>
      <c r="H149" s="24">
        <v>0</v>
      </c>
      <c r="I149" s="24">
        <v>0.05</v>
      </c>
      <c r="J149" s="24">
        <v>0.05</v>
      </c>
      <c r="K149" s="24">
        <v>0.05</v>
      </c>
      <c r="L149" s="24">
        <v>0.05</v>
      </c>
      <c r="M149" s="24">
        <v>5.000000000000001E-2</v>
      </c>
      <c r="N149" s="24">
        <v>0</v>
      </c>
      <c r="O149" s="24">
        <v>0</v>
      </c>
      <c r="P149" s="24">
        <v>0</v>
      </c>
      <c r="Q149" s="24">
        <v>0</v>
      </c>
      <c r="R149" s="24">
        <v>0</v>
      </c>
      <c r="S149" s="24">
        <v>0.05</v>
      </c>
      <c r="T149" s="24">
        <v>0.05</v>
      </c>
      <c r="U149" s="24">
        <v>0.05</v>
      </c>
      <c r="V149" s="24">
        <v>0.05</v>
      </c>
      <c r="W149" s="25">
        <v>0.22271999999999997</v>
      </c>
    </row>
    <row r="150" spans="1:23">
      <c r="A150" s="26" t="s">
        <v>37</v>
      </c>
      <c r="B150" s="13"/>
      <c r="C150" s="14"/>
      <c r="D150" s="14">
        <v>0</v>
      </c>
      <c r="E150" s="14">
        <v>0</v>
      </c>
      <c r="F150" s="14">
        <v>0</v>
      </c>
      <c r="G150" s="14">
        <v>0</v>
      </c>
      <c r="H150" s="14">
        <v>0</v>
      </c>
      <c r="I150" s="14">
        <v>1</v>
      </c>
      <c r="J150" s="14">
        <v>1</v>
      </c>
      <c r="K150" s="14">
        <v>1</v>
      </c>
      <c r="L150" s="14">
        <v>1</v>
      </c>
      <c r="M150" s="14">
        <v>6</v>
      </c>
      <c r="N150" s="14">
        <v>0</v>
      </c>
      <c r="O150" s="14">
        <v>0</v>
      </c>
      <c r="P150" s="14">
        <v>0</v>
      </c>
      <c r="Q150" s="14">
        <v>0</v>
      </c>
      <c r="R150" s="14">
        <v>0</v>
      </c>
      <c r="S150" s="14">
        <v>1</v>
      </c>
      <c r="T150" s="14">
        <v>1</v>
      </c>
      <c r="U150" s="14">
        <v>1</v>
      </c>
      <c r="V150" s="14">
        <v>1</v>
      </c>
      <c r="W150" s="27">
        <v>10</v>
      </c>
    </row>
    <row r="151" spans="1:23">
      <c r="A151" s="23"/>
      <c r="B151" s="23"/>
      <c r="C151" s="164"/>
      <c r="D151" s="164"/>
      <c r="E151" s="164"/>
      <c r="F151" s="164"/>
      <c r="G151" s="164"/>
      <c r="H151" s="164"/>
      <c r="I151" s="164"/>
      <c r="J151" s="164"/>
      <c r="K151" s="164"/>
      <c r="L151" s="164"/>
      <c r="M151" s="164"/>
      <c r="N151" s="164"/>
      <c r="O151" s="164"/>
      <c r="P151" s="164"/>
      <c r="Q151" s="164"/>
      <c r="R151" s="164"/>
      <c r="S151" s="164"/>
      <c r="T151" s="164"/>
      <c r="U151" s="164"/>
      <c r="V151" s="164"/>
      <c r="W151" s="164"/>
    </row>
    <row r="152" spans="1:23">
      <c r="A152" s="23"/>
      <c r="B152" s="23"/>
      <c r="C152" s="164"/>
      <c r="D152" s="164"/>
      <c r="E152" s="164"/>
      <c r="F152" s="164"/>
      <c r="G152" s="164"/>
      <c r="H152" s="164"/>
      <c r="I152" s="164"/>
      <c r="J152" s="164"/>
      <c r="K152" s="164"/>
      <c r="L152" s="164"/>
      <c r="M152" s="164"/>
      <c r="N152" s="164"/>
      <c r="O152" s="164"/>
      <c r="P152" s="164"/>
      <c r="Q152" s="164"/>
      <c r="R152" s="164"/>
      <c r="S152" s="164"/>
      <c r="T152" s="164"/>
      <c r="U152" s="164"/>
      <c r="V152" s="164"/>
      <c r="W152" s="164"/>
    </row>
    <row r="153" spans="1:23">
      <c r="A153" s="23"/>
      <c r="B153" s="23"/>
      <c r="C153" s="164"/>
      <c r="D153" s="164"/>
      <c r="E153" s="164"/>
      <c r="F153" s="164"/>
      <c r="G153" s="164"/>
      <c r="H153" s="164"/>
      <c r="I153" s="164"/>
      <c r="J153" s="164"/>
      <c r="K153" s="164"/>
      <c r="L153" s="164"/>
      <c r="M153" s="164"/>
      <c r="N153" s="164"/>
      <c r="O153" s="164"/>
      <c r="P153" s="164"/>
      <c r="Q153" s="164"/>
      <c r="R153" s="164"/>
      <c r="S153" s="164"/>
      <c r="T153" s="164"/>
      <c r="U153" s="164"/>
      <c r="V153" s="164"/>
      <c r="W153" s="164"/>
    </row>
    <row r="154" spans="1:23">
      <c r="A154" s="23"/>
      <c r="B154" s="23"/>
      <c r="C154" s="164"/>
      <c r="D154" s="164"/>
      <c r="E154" s="164"/>
      <c r="F154" s="164"/>
      <c r="G154" s="164"/>
      <c r="H154" s="164"/>
      <c r="I154" s="164"/>
      <c r="J154" s="164"/>
      <c r="K154" s="164"/>
      <c r="L154" s="164"/>
      <c r="M154" s="164"/>
      <c r="N154" s="164"/>
      <c r="O154" s="164"/>
      <c r="P154" s="164"/>
      <c r="Q154" s="164"/>
      <c r="R154" s="164"/>
      <c r="S154" s="164"/>
      <c r="T154" s="164"/>
      <c r="U154" s="164"/>
      <c r="V154" s="164"/>
      <c r="W154" s="164"/>
    </row>
    <row r="155" spans="1:23">
      <c r="A155" s="23"/>
      <c r="B155" s="23"/>
      <c r="C155" s="164"/>
      <c r="D155" s="164"/>
      <c r="E155" s="164"/>
      <c r="F155" s="164"/>
      <c r="G155" s="164"/>
      <c r="H155" s="164"/>
      <c r="I155" s="164"/>
      <c r="J155" s="164"/>
      <c r="K155" s="164"/>
      <c r="L155" s="164"/>
      <c r="M155" s="164"/>
      <c r="N155" s="164"/>
      <c r="O155" s="164"/>
      <c r="P155" s="164"/>
      <c r="Q155" s="164"/>
      <c r="R155" s="164"/>
      <c r="S155" s="164"/>
      <c r="T155" s="164"/>
      <c r="U155" s="164"/>
      <c r="V155" s="164"/>
      <c r="W155" s="164"/>
    </row>
    <row r="156" spans="1:23">
      <c r="A156" s="23"/>
      <c r="B156" s="23"/>
      <c r="C156" s="164"/>
      <c r="D156" s="164"/>
      <c r="E156" s="164"/>
      <c r="F156" s="164"/>
      <c r="G156" s="164"/>
      <c r="H156" s="164"/>
      <c r="I156" s="164"/>
      <c r="J156" s="164"/>
      <c r="K156" s="164"/>
      <c r="L156" s="164"/>
      <c r="M156" s="164"/>
      <c r="N156" s="164"/>
      <c r="O156" s="164"/>
      <c r="P156" s="164"/>
      <c r="Q156" s="164"/>
      <c r="R156" s="164"/>
      <c r="S156" s="164"/>
      <c r="T156" s="164"/>
      <c r="U156" s="164"/>
      <c r="V156" s="164"/>
      <c r="W156" s="164"/>
    </row>
    <row r="157" spans="1:23">
      <c r="A157" s="23"/>
      <c r="B157" s="23"/>
      <c r="C157" s="164"/>
      <c r="D157" s="164"/>
      <c r="E157" s="164"/>
      <c r="F157" s="164"/>
      <c r="G157" s="164"/>
      <c r="H157" s="164"/>
      <c r="I157" s="164"/>
      <c r="J157" s="164"/>
      <c r="K157" s="164"/>
      <c r="L157" s="164"/>
      <c r="M157" s="164"/>
      <c r="N157" s="164"/>
      <c r="O157" s="164"/>
      <c r="P157" s="164"/>
      <c r="Q157" s="164"/>
      <c r="R157" s="164"/>
      <c r="S157" s="164"/>
      <c r="T157" s="164"/>
      <c r="U157" s="164"/>
      <c r="V157" s="164"/>
      <c r="W157" s="164"/>
    </row>
    <row r="164" spans="1:23" ht="12.75">
      <c r="K164" s="161" t="s">
        <v>167</v>
      </c>
    </row>
    <row r="165" spans="1:23">
      <c r="A165" s="1"/>
    </row>
    <row r="168" spans="1:23" ht="18">
      <c r="A168" s="158" t="s">
        <v>150</v>
      </c>
    </row>
    <row r="169" spans="1:23" ht="22.5">
      <c r="A169" s="29" t="s">
        <v>41</v>
      </c>
      <c r="B169" s="30" t="s">
        <v>42</v>
      </c>
      <c r="C169" s="20" t="s">
        <v>43</v>
      </c>
      <c r="D169" s="30" t="s">
        <v>44</v>
      </c>
      <c r="E169" s="31" t="s">
        <v>2</v>
      </c>
      <c r="F169" s="31" t="s">
        <v>3</v>
      </c>
      <c r="G169" s="31" t="s">
        <v>4</v>
      </c>
      <c r="H169" s="31" t="s">
        <v>5</v>
      </c>
      <c r="I169" s="31" t="s">
        <v>6</v>
      </c>
      <c r="J169" s="31" t="s">
        <v>7</v>
      </c>
      <c r="K169" s="31" t="s">
        <v>8</v>
      </c>
      <c r="L169" s="31" t="s">
        <v>9</v>
      </c>
      <c r="M169" s="31" t="s">
        <v>10</v>
      </c>
      <c r="N169" s="31" t="s">
        <v>11</v>
      </c>
      <c r="O169" s="31" t="s">
        <v>12</v>
      </c>
      <c r="P169" s="31" t="s">
        <v>13</v>
      </c>
      <c r="Q169" s="31" t="s">
        <v>14</v>
      </c>
      <c r="R169" s="31" t="s">
        <v>15</v>
      </c>
      <c r="S169" s="31" t="s">
        <v>16</v>
      </c>
      <c r="T169" s="31" t="s">
        <v>17</v>
      </c>
      <c r="U169" s="31" t="s">
        <v>18</v>
      </c>
      <c r="V169" s="31" t="s">
        <v>19</v>
      </c>
      <c r="W169" s="31" t="s">
        <v>20</v>
      </c>
    </row>
    <row r="170" spans="1:23">
      <c r="A170" s="22" t="s">
        <v>45</v>
      </c>
      <c r="B170" s="32">
        <v>293083.95</v>
      </c>
      <c r="C170" s="23">
        <v>10</v>
      </c>
      <c r="D170" s="24">
        <v>0</v>
      </c>
      <c r="E170" s="32">
        <v>1260231.6766050004</v>
      </c>
      <c r="F170" s="32">
        <v>293083.95</v>
      </c>
      <c r="G170" s="32">
        <v>293083.95</v>
      </c>
      <c r="H170" s="32">
        <v>293083.95</v>
      </c>
      <c r="I170" s="32">
        <v>293083.95</v>
      </c>
      <c r="J170" s="32">
        <v>293083.95</v>
      </c>
      <c r="K170" s="32">
        <v>293083.95</v>
      </c>
      <c r="L170" s="32">
        <v>293083.95</v>
      </c>
      <c r="M170" s="32">
        <v>293083.95</v>
      </c>
      <c r="N170" s="32">
        <v>293083.95</v>
      </c>
      <c r="O170" s="32">
        <v>293083.95</v>
      </c>
      <c r="P170" s="32">
        <v>293083.95</v>
      </c>
      <c r="Q170" s="32">
        <v>293083.95</v>
      </c>
      <c r="R170" s="32">
        <v>293083.95</v>
      </c>
      <c r="S170" s="32">
        <v>293083.95</v>
      </c>
      <c r="T170" s="32">
        <v>293083.95</v>
      </c>
      <c r="U170" s="32">
        <v>293083.95</v>
      </c>
      <c r="V170" s="32">
        <v>293083.95</v>
      </c>
      <c r="W170" s="32">
        <v>293083.95</v>
      </c>
    </row>
    <row r="171" spans="1:23">
      <c r="A171" s="22" t="s">
        <v>46</v>
      </c>
      <c r="B171" s="32">
        <v>241987.55</v>
      </c>
      <c r="C171" s="23">
        <v>7</v>
      </c>
      <c r="D171" s="24">
        <v>0</v>
      </c>
      <c r="E171" s="32">
        <v>822709.27249</v>
      </c>
      <c r="F171" s="32">
        <v>241987.55</v>
      </c>
      <c r="G171" s="32">
        <v>241987.55</v>
      </c>
      <c r="H171" s="32">
        <v>241987.55</v>
      </c>
      <c r="I171" s="32">
        <v>241987.55</v>
      </c>
      <c r="J171" s="32">
        <v>241987.55</v>
      </c>
      <c r="K171" s="32">
        <v>241987.55</v>
      </c>
      <c r="L171" s="32">
        <v>241987.55</v>
      </c>
      <c r="M171" s="32">
        <v>241987.55</v>
      </c>
      <c r="N171" s="32">
        <v>241987.55</v>
      </c>
      <c r="O171" s="32">
        <v>241987.55</v>
      </c>
      <c r="P171" s="32">
        <v>241987.55</v>
      </c>
      <c r="Q171" s="32">
        <v>241987.55</v>
      </c>
      <c r="R171" s="32">
        <v>241987.55</v>
      </c>
      <c r="S171" s="32">
        <v>241987.55</v>
      </c>
      <c r="T171" s="32">
        <v>241987.55</v>
      </c>
      <c r="U171" s="32">
        <v>241987.55</v>
      </c>
      <c r="V171" s="32">
        <v>241987.55</v>
      </c>
      <c r="W171" s="32">
        <v>241987.55</v>
      </c>
    </row>
    <row r="172" spans="1:23">
      <c r="A172" s="22" t="s">
        <v>47</v>
      </c>
      <c r="B172" s="32">
        <v>308113.28999999998</v>
      </c>
      <c r="C172" s="23">
        <v>10</v>
      </c>
      <c r="D172" s="24">
        <v>0</v>
      </c>
      <c r="E172" s="32">
        <v>1324856.3356710002</v>
      </c>
      <c r="F172" s="32">
        <v>308113.28999999998</v>
      </c>
      <c r="G172" s="32">
        <v>308113.28999999998</v>
      </c>
      <c r="H172" s="32">
        <v>308113.28999999998</v>
      </c>
      <c r="I172" s="32">
        <v>308113.28999999998</v>
      </c>
      <c r="J172" s="32">
        <v>308113.28999999998</v>
      </c>
      <c r="K172" s="32">
        <v>308113.28999999998</v>
      </c>
      <c r="L172" s="32">
        <v>308113.28999999998</v>
      </c>
      <c r="M172" s="32">
        <v>308113.28999999998</v>
      </c>
      <c r="N172" s="32">
        <v>308113.28999999998</v>
      </c>
      <c r="O172" s="32">
        <v>308113.28999999998</v>
      </c>
      <c r="P172" s="32">
        <v>308113.28999999998</v>
      </c>
      <c r="Q172" s="32">
        <v>308113.28999999998</v>
      </c>
      <c r="R172" s="32">
        <v>308113.28999999998</v>
      </c>
      <c r="S172" s="32">
        <v>308113.28999999998</v>
      </c>
      <c r="T172" s="32">
        <v>308113.28999999998</v>
      </c>
      <c r="U172" s="32">
        <v>308113.28999999998</v>
      </c>
      <c r="V172" s="32">
        <v>308113.28999999998</v>
      </c>
      <c r="W172" s="32">
        <v>308113.28999999998</v>
      </c>
    </row>
    <row r="173" spans="1:23">
      <c r="A173" s="22" t="s">
        <v>48</v>
      </c>
      <c r="B173" s="32">
        <v>471388.5</v>
      </c>
      <c r="C173" s="23">
        <v>10</v>
      </c>
      <c r="D173" s="24">
        <v>0</v>
      </c>
      <c r="E173" s="32">
        <v>2026923.4111500005</v>
      </c>
      <c r="F173" s="32">
        <v>471388.5</v>
      </c>
      <c r="G173" s="32">
        <v>471388.5</v>
      </c>
      <c r="H173" s="32">
        <v>471388.5</v>
      </c>
      <c r="I173" s="32">
        <v>471388.5</v>
      </c>
      <c r="J173" s="32">
        <v>471388.5</v>
      </c>
      <c r="K173" s="32">
        <v>471388.5</v>
      </c>
      <c r="L173" s="32">
        <v>471388.5</v>
      </c>
      <c r="M173" s="32">
        <v>471388.5</v>
      </c>
      <c r="N173" s="32">
        <v>471388.5</v>
      </c>
      <c r="O173" s="32">
        <v>471388.5</v>
      </c>
      <c r="P173" s="32">
        <v>471388.5</v>
      </c>
      <c r="Q173" s="32">
        <v>471388.5</v>
      </c>
      <c r="R173" s="32">
        <v>471388.5</v>
      </c>
      <c r="S173" s="32">
        <v>471388.5</v>
      </c>
      <c r="T173" s="32">
        <v>471388.5</v>
      </c>
      <c r="U173" s="32">
        <v>471388.5</v>
      </c>
      <c r="V173" s="32">
        <v>471388.5</v>
      </c>
      <c r="W173" s="32">
        <v>471388.5</v>
      </c>
    </row>
    <row r="174" spans="1:23">
      <c r="A174" s="22" t="s">
        <v>49</v>
      </c>
      <c r="B174" s="32">
        <v>565666.19999999995</v>
      </c>
      <c r="C174" s="23">
        <v>10</v>
      </c>
      <c r="D174" s="24">
        <v>0</v>
      </c>
      <c r="E174" s="32">
        <v>2432308.0933800004</v>
      </c>
      <c r="F174" s="32">
        <v>565666.19999999995</v>
      </c>
      <c r="G174" s="32">
        <v>565666.19999999995</v>
      </c>
      <c r="H174" s="32">
        <v>565666.19999999995</v>
      </c>
      <c r="I174" s="32">
        <v>565666.19999999995</v>
      </c>
      <c r="J174" s="32">
        <v>565666.19999999995</v>
      </c>
      <c r="K174" s="32">
        <v>565666.19999999995</v>
      </c>
      <c r="L174" s="32">
        <v>565666.19999999995</v>
      </c>
      <c r="M174" s="32">
        <v>565666.19999999995</v>
      </c>
      <c r="N174" s="32">
        <v>565666.19999999995</v>
      </c>
      <c r="O174" s="32">
        <v>565666.19999999995</v>
      </c>
      <c r="P174" s="32">
        <v>565666.19999999995</v>
      </c>
      <c r="Q174" s="32">
        <v>565666.19999999995</v>
      </c>
      <c r="R174" s="32">
        <v>565666.19999999995</v>
      </c>
      <c r="S174" s="32">
        <v>565666.19999999995</v>
      </c>
      <c r="T174" s="32">
        <v>565666.19999999995</v>
      </c>
      <c r="U174" s="32">
        <v>565666.19999999995</v>
      </c>
      <c r="V174" s="32">
        <v>565666.19999999995</v>
      </c>
      <c r="W174" s="32">
        <v>565666.19999999995</v>
      </c>
    </row>
    <row r="175" spans="1:23">
      <c r="A175" s="22" t="s">
        <v>50</v>
      </c>
      <c r="B175" s="32">
        <v>827854.6</v>
      </c>
      <c r="C175" s="34">
        <v>10</v>
      </c>
      <c r="D175" s="24">
        <v>0</v>
      </c>
      <c r="E175" s="32">
        <v>3559691.9945400008</v>
      </c>
      <c r="F175" s="32">
        <v>827854.6</v>
      </c>
      <c r="G175" s="32">
        <v>827854.6</v>
      </c>
      <c r="H175" s="32">
        <v>827854.6</v>
      </c>
      <c r="I175" s="32">
        <v>827854.6</v>
      </c>
      <c r="J175" s="32">
        <v>827854.6</v>
      </c>
      <c r="K175" s="32">
        <v>827854.6</v>
      </c>
      <c r="L175" s="32">
        <v>827854.6</v>
      </c>
      <c r="M175" s="32">
        <v>827854.6</v>
      </c>
      <c r="N175" s="32">
        <v>827854.6</v>
      </c>
      <c r="O175" s="32">
        <v>827854.6</v>
      </c>
      <c r="P175" s="32">
        <v>827854.6</v>
      </c>
      <c r="Q175" s="32">
        <v>827854.6</v>
      </c>
      <c r="R175" s="32">
        <v>827854.6</v>
      </c>
      <c r="S175" s="32">
        <v>827854.6</v>
      </c>
      <c r="T175" s="32">
        <v>827854.6</v>
      </c>
      <c r="U175" s="32">
        <v>827854.6</v>
      </c>
      <c r="V175" s="32">
        <v>827854.6</v>
      </c>
      <c r="W175" s="32">
        <v>827854.6</v>
      </c>
    </row>
    <row r="176" spans="1:23">
      <c r="A176" s="22" t="s">
        <v>51</v>
      </c>
      <c r="B176" s="32">
        <v>853141.58</v>
      </c>
      <c r="C176" s="34" t="s">
        <v>52</v>
      </c>
      <c r="D176" s="24">
        <v>0</v>
      </c>
      <c r="E176" s="32">
        <v>7205121.8997319993</v>
      </c>
      <c r="F176" s="32">
        <v>0</v>
      </c>
      <c r="G176" s="32">
        <v>0</v>
      </c>
      <c r="H176" s="32">
        <v>0</v>
      </c>
      <c r="I176" s="32">
        <v>0</v>
      </c>
      <c r="J176" s="32">
        <v>0</v>
      </c>
      <c r="K176" s="32">
        <v>853141.58</v>
      </c>
      <c r="L176" s="32">
        <v>853141.58</v>
      </c>
      <c r="M176" s="32">
        <v>853141.58</v>
      </c>
      <c r="N176" s="32">
        <v>853141.58</v>
      </c>
      <c r="O176" s="32">
        <v>5118849.4799999995</v>
      </c>
      <c r="P176" s="32">
        <v>0</v>
      </c>
      <c r="Q176" s="32">
        <v>0</v>
      </c>
      <c r="R176" s="32">
        <v>0</v>
      </c>
      <c r="S176" s="32">
        <v>0</v>
      </c>
      <c r="T176" s="32">
        <v>0</v>
      </c>
      <c r="U176" s="32">
        <v>853141.58</v>
      </c>
      <c r="V176" s="32">
        <v>853141.58</v>
      </c>
      <c r="W176" s="32">
        <v>853141.58</v>
      </c>
    </row>
    <row r="177" spans="1:23">
      <c r="A177" s="22" t="s">
        <v>53</v>
      </c>
      <c r="B177" s="32">
        <v>888255.89</v>
      </c>
      <c r="C177" s="34" t="s">
        <v>52</v>
      </c>
      <c r="D177" s="24">
        <v>0</v>
      </c>
      <c r="E177" s="32">
        <v>7501676.2934059994</v>
      </c>
      <c r="F177" s="32">
        <v>0</v>
      </c>
      <c r="G177" s="32">
        <v>0</v>
      </c>
      <c r="H177" s="32">
        <v>0</v>
      </c>
      <c r="I177" s="32">
        <v>0</v>
      </c>
      <c r="J177" s="32">
        <v>0</v>
      </c>
      <c r="K177" s="32">
        <v>888255.89</v>
      </c>
      <c r="L177" s="32">
        <v>888255.89</v>
      </c>
      <c r="M177" s="32">
        <v>888255.89</v>
      </c>
      <c r="N177" s="32">
        <v>888255.89</v>
      </c>
      <c r="O177" s="32">
        <v>5329535.34</v>
      </c>
      <c r="P177" s="32">
        <v>0</v>
      </c>
      <c r="Q177" s="32">
        <v>0</v>
      </c>
      <c r="R177" s="32">
        <v>0</v>
      </c>
      <c r="S177" s="32">
        <v>0</v>
      </c>
      <c r="T177" s="32">
        <v>0</v>
      </c>
      <c r="U177" s="32">
        <v>888255.89</v>
      </c>
      <c r="V177" s="32">
        <v>888255.89</v>
      </c>
      <c r="W177" s="32">
        <v>888255.89</v>
      </c>
    </row>
    <row r="178" spans="1:23">
      <c r="A178" s="26" t="s">
        <v>54</v>
      </c>
      <c r="B178" s="35">
        <v>1082767.73</v>
      </c>
      <c r="C178" s="165">
        <v>10</v>
      </c>
      <c r="D178" s="36">
        <v>0</v>
      </c>
      <c r="E178" s="35">
        <v>4655792.9622270009</v>
      </c>
      <c r="F178" s="35">
        <v>1082767.73</v>
      </c>
      <c r="G178" s="35">
        <v>1082767.73</v>
      </c>
      <c r="H178" s="35">
        <v>1082767.73</v>
      </c>
      <c r="I178" s="35">
        <v>1082767.73</v>
      </c>
      <c r="J178" s="35">
        <v>1082767.73</v>
      </c>
      <c r="K178" s="35">
        <v>1082767.73</v>
      </c>
      <c r="L178" s="35">
        <v>1082767.73</v>
      </c>
      <c r="M178" s="35">
        <v>1082767.73</v>
      </c>
      <c r="N178" s="35">
        <v>1082767.73</v>
      </c>
      <c r="O178" s="35">
        <v>1082767.73</v>
      </c>
      <c r="P178" s="35">
        <v>1082767.73</v>
      </c>
      <c r="Q178" s="35">
        <v>1082767.73</v>
      </c>
      <c r="R178" s="35">
        <v>1082767.73</v>
      </c>
      <c r="S178" s="35">
        <v>1082767.73</v>
      </c>
      <c r="T178" s="35">
        <v>1082767.73</v>
      </c>
      <c r="U178" s="35">
        <v>1082767.73</v>
      </c>
      <c r="V178" s="35">
        <v>1082767.73</v>
      </c>
      <c r="W178" s="35">
        <v>1082767.73</v>
      </c>
    </row>
    <row r="179" spans="1:23">
      <c r="B179" s="37"/>
      <c r="E179" s="37"/>
      <c r="F179" s="37"/>
      <c r="G179" s="37"/>
      <c r="H179" s="37"/>
      <c r="I179" s="37"/>
      <c r="J179" s="37"/>
      <c r="K179" s="37"/>
      <c r="L179" s="37"/>
      <c r="M179" s="37"/>
      <c r="N179" s="37"/>
      <c r="O179" s="37"/>
      <c r="P179" s="37"/>
      <c r="Q179" s="37"/>
      <c r="R179" s="37"/>
      <c r="S179" s="37"/>
      <c r="T179" s="37"/>
      <c r="U179" s="37"/>
      <c r="V179" s="37"/>
      <c r="W179" s="37"/>
    </row>
    <row r="180" spans="1:23">
      <c r="B180" s="37"/>
      <c r="E180" s="38"/>
      <c r="F180" s="37"/>
      <c r="G180" s="37"/>
      <c r="H180" s="37"/>
      <c r="I180" s="37"/>
      <c r="J180" s="37"/>
      <c r="K180" s="37"/>
      <c r="L180" s="37"/>
      <c r="M180" s="37"/>
      <c r="N180" s="37"/>
      <c r="O180" s="37"/>
      <c r="P180" s="37"/>
      <c r="Q180" s="37"/>
      <c r="R180" s="37"/>
      <c r="S180" s="37"/>
      <c r="T180" s="37"/>
      <c r="U180" s="37"/>
      <c r="V180" s="37"/>
      <c r="W180" s="37"/>
    </row>
    <row r="181" spans="1:23" ht="18">
      <c r="A181" s="158" t="s">
        <v>151</v>
      </c>
      <c r="B181" s="37"/>
      <c r="E181" s="37"/>
      <c r="F181" s="37"/>
      <c r="G181" s="37"/>
      <c r="H181" s="37"/>
      <c r="I181" s="37"/>
      <c r="J181" s="37"/>
      <c r="K181" s="37"/>
      <c r="L181" s="37"/>
      <c r="M181" s="37"/>
      <c r="N181" s="37"/>
      <c r="O181" s="37"/>
      <c r="P181" s="37"/>
      <c r="Q181" s="37"/>
      <c r="R181" s="37"/>
      <c r="S181" s="37"/>
      <c r="T181" s="37"/>
      <c r="U181" s="37"/>
      <c r="V181" s="37"/>
      <c r="W181" s="37"/>
    </row>
    <row r="182" spans="1:23">
      <c r="A182" s="29" t="s">
        <v>41</v>
      </c>
      <c r="B182" s="30"/>
      <c r="C182" s="20"/>
      <c r="D182" s="30"/>
      <c r="E182" s="30"/>
      <c r="F182" s="31" t="s">
        <v>3</v>
      </c>
      <c r="G182" s="31" t="s">
        <v>4</v>
      </c>
      <c r="H182" s="31" t="s">
        <v>5</v>
      </c>
      <c r="I182" s="31" t="s">
        <v>6</v>
      </c>
      <c r="J182" s="31" t="s">
        <v>7</v>
      </c>
      <c r="K182" s="31" t="s">
        <v>8</v>
      </c>
      <c r="L182" s="31" t="s">
        <v>9</v>
      </c>
      <c r="M182" s="31" t="s">
        <v>10</v>
      </c>
      <c r="N182" s="31" t="s">
        <v>11</v>
      </c>
      <c r="O182" s="31" t="s">
        <v>12</v>
      </c>
      <c r="P182" s="31" t="s">
        <v>13</v>
      </c>
      <c r="Q182" s="31" t="s">
        <v>14</v>
      </c>
      <c r="R182" s="31" t="s">
        <v>15</v>
      </c>
      <c r="S182" s="31" t="s">
        <v>16</v>
      </c>
      <c r="T182" s="31" t="s">
        <v>17</v>
      </c>
      <c r="U182" s="31" t="s">
        <v>18</v>
      </c>
      <c r="V182" s="31" t="s">
        <v>19</v>
      </c>
      <c r="W182" s="31" t="s">
        <v>20</v>
      </c>
    </row>
    <row r="183" spans="1:23">
      <c r="A183" s="22" t="s">
        <v>45</v>
      </c>
      <c r="B183" s="32"/>
      <c r="C183" s="23"/>
      <c r="D183" s="24"/>
      <c r="E183" s="24"/>
      <c r="F183" s="32">
        <v>189034.75149075006</v>
      </c>
      <c r="G183" s="32">
        <v>247651.54149075007</v>
      </c>
      <c r="H183" s="32">
        <v>306268.33149075008</v>
      </c>
      <c r="I183" s="32">
        <v>364885.12149075005</v>
      </c>
      <c r="J183" s="32">
        <v>423501.91149075003</v>
      </c>
      <c r="K183" s="32">
        <v>293083.95</v>
      </c>
      <c r="L183" s="32">
        <v>293083.95</v>
      </c>
      <c r="M183" s="32">
        <v>293083.95</v>
      </c>
      <c r="N183" s="32">
        <v>293083.95</v>
      </c>
      <c r="O183" s="32">
        <v>293083.95</v>
      </c>
      <c r="P183" s="32">
        <v>293083.95</v>
      </c>
      <c r="Q183" s="32">
        <v>293083.95</v>
      </c>
      <c r="R183" s="32">
        <v>293083.95</v>
      </c>
      <c r="S183" s="32">
        <v>293083.95</v>
      </c>
      <c r="T183" s="32">
        <v>293083.95</v>
      </c>
      <c r="U183" s="32">
        <v>293083.95</v>
      </c>
      <c r="V183" s="32">
        <v>293083.95</v>
      </c>
      <c r="W183" s="32">
        <v>293083.95</v>
      </c>
    </row>
    <row r="184" spans="1:23">
      <c r="A184" s="22" t="s">
        <v>46</v>
      </c>
      <c r="B184" s="32"/>
      <c r="C184" s="23"/>
      <c r="D184" s="24"/>
      <c r="E184" s="24"/>
      <c r="F184" s="32">
        <v>123406.3908735</v>
      </c>
      <c r="G184" s="32">
        <v>171803.90087349998</v>
      </c>
      <c r="H184" s="32">
        <v>220201.41087349999</v>
      </c>
      <c r="I184" s="32">
        <v>268598.9208735</v>
      </c>
      <c r="J184" s="32">
        <v>316996.43087350001</v>
      </c>
      <c r="K184" s="32">
        <v>241987.55</v>
      </c>
      <c r="L184" s="32">
        <v>241987.55</v>
      </c>
      <c r="M184" s="32">
        <v>241987.55</v>
      </c>
      <c r="N184" s="32">
        <v>241987.55</v>
      </c>
      <c r="O184" s="32">
        <v>241987.55</v>
      </c>
      <c r="P184" s="32">
        <v>241987.55</v>
      </c>
      <c r="Q184" s="32">
        <v>241987.55</v>
      </c>
      <c r="R184" s="32">
        <v>241987.55</v>
      </c>
      <c r="S184" s="32">
        <v>241987.55</v>
      </c>
      <c r="T184" s="32">
        <v>241987.55</v>
      </c>
      <c r="U184" s="32">
        <v>241987.55</v>
      </c>
      <c r="V184" s="32">
        <v>241987.55</v>
      </c>
      <c r="W184" s="32">
        <v>241987.55</v>
      </c>
    </row>
    <row r="185" spans="1:23">
      <c r="A185" s="22" t="s">
        <v>47</v>
      </c>
      <c r="B185" s="32"/>
      <c r="C185" s="23"/>
      <c r="D185" s="24"/>
      <c r="E185" s="24"/>
      <c r="F185" s="32">
        <v>198728.45035065003</v>
      </c>
      <c r="G185" s="32">
        <v>260351.10835065003</v>
      </c>
      <c r="H185" s="32">
        <v>321973.76635065</v>
      </c>
      <c r="I185" s="32">
        <v>383596.42435064999</v>
      </c>
      <c r="J185" s="32">
        <v>445219.08235064999</v>
      </c>
      <c r="K185" s="32">
        <v>308113.28999999998</v>
      </c>
      <c r="L185" s="32">
        <v>308113.28999999998</v>
      </c>
      <c r="M185" s="32">
        <v>308113.28999999998</v>
      </c>
      <c r="N185" s="32">
        <v>308113.28999999998</v>
      </c>
      <c r="O185" s="32">
        <v>308113.28999999998</v>
      </c>
      <c r="P185" s="32">
        <v>308113.28999999998</v>
      </c>
      <c r="Q185" s="32">
        <v>308113.28999999998</v>
      </c>
      <c r="R185" s="32">
        <v>308113.28999999998</v>
      </c>
      <c r="S185" s="32">
        <v>308113.28999999998</v>
      </c>
      <c r="T185" s="32">
        <v>308113.28999999998</v>
      </c>
      <c r="U185" s="32">
        <v>308113.28999999998</v>
      </c>
      <c r="V185" s="32">
        <v>308113.28999999998</v>
      </c>
      <c r="W185" s="32">
        <v>308113.28999999998</v>
      </c>
    </row>
    <row r="186" spans="1:23">
      <c r="A186" s="22" t="s">
        <v>48</v>
      </c>
      <c r="B186" s="32"/>
      <c r="C186" s="23"/>
      <c r="D186" s="24"/>
      <c r="E186" s="24"/>
      <c r="F186" s="32">
        <v>304038.51167250006</v>
      </c>
      <c r="G186" s="32">
        <v>398316.21167250007</v>
      </c>
      <c r="H186" s="32">
        <v>492593.91167250008</v>
      </c>
      <c r="I186" s="32">
        <v>586871.61167250003</v>
      </c>
      <c r="J186" s="32">
        <v>681149.31167249999</v>
      </c>
      <c r="K186" s="32">
        <v>471388.5</v>
      </c>
      <c r="L186" s="32">
        <v>471388.5</v>
      </c>
      <c r="M186" s="32">
        <v>471388.5</v>
      </c>
      <c r="N186" s="32">
        <v>471388.5</v>
      </c>
      <c r="O186" s="32">
        <v>471388.5</v>
      </c>
      <c r="P186" s="32">
        <v>471388.5</v>
      </c>
      <c r="Q186" s="32">
        <v>471388.5</v>
      </c>
      <c r="R186" s="32">
        <v>471388.5</v>
      </c>
      <c r="S186" s="32">
        <v>471388.5</v>
      </c>
      <c r="T186" s="32">
        <v>471388.5</v>
      </c>
      <c r="U186" s="32">
        <v>471388.5</v>
      </c>
      <c r="V186" s="32">
        <v>471388.5</v>
      </c>
      <c r="W186" s="32">
        <v>471388.5</v>
      </c>
    </row>
    <row r="187" spans="1:23">
      <c r="A187" s="22" t="s">
        <v>49</v>
      </c>
      <c r="B187" s="32"/>
      <c r="C187" s="23"/>
      <c r="D187" s="24"/>
      <c r="E187" s="24"/>
      <c r="F187" s="32">
        <v>364846.21400700009</v>
      </c>
      <c r="G187" s="32">
        <v>477979.45400700008</v>
      </c>
      <c r="H187" s="32">
        <v>591112.69400700007</v>
      </c>
      <c r="I187" s="32">
        <v>704245.93400700006</v>
      </c>
      <c r="J187" s="32">
        <v>817379.17400700005</v>
      </c>
      <c r="K187" s="32">
        <v>565666.19999999995</v>
      </c>
      <c r="L187" s="32">
        <v>565666.19999999995</v>
      </c>
      <c r="M187" s="32">
        <v>565666.19999999995</v>
      </c>
      <c r="N187" s="32">
        <v>565666.19999999995</v>
      </c>
      <c r="O187" s="32">
        <v>565666.19999999995</v>
      </c>
      <c r="P187" s="32">
        <v>565666.19999999995</v>
      </c>
      <c r="Q187" s="32">
        <v>565666.19999999995</v>
      </c>
      <c r="R187" s="32">
        <v>565666.19999999995</v>
      </c>
      <c r="S187" s="32">
        <v>565666.19999999995</v>
      </c>
      <c r="T187" s="32">
        <v>565666.19999999995</v>
      </c>
      <c r="U187" s="32">
        <v>565666.19999999995</v>
      </c>
      <c r="V187" s="32">
        <v>565666.19999999995</v>
      </c>
      <c r="W187" s="32">
        <v>565666.19999999995</v>
      </c>
    </row>
    <row r="188" spans="1:23">
      <c r="A188" s="22" t="s">
        <v>50</v>
      </c>
      <c r="B188" s="32"/>
      <c r="C188" s="23"/>
      <c r="D188" s="24"/>
      <c r="E188" s="24"/>
      <c r="F188" s="32">
        <v>533953.7991810001</v>
      </c>
      <c r="G188" s="32">
        <v>699524.71918100002</v>
      </c>
      <c r="H188" s="32">
        <v>865095.63918099995</v>
      </c>
      <c r="I188" s="32">
        <v>1030666.5591809999</v>
      </c>
      <c r="J188" s="32">
        <v>1196237.4791809998</v>
      </c>
      <c r="K188" s="32">
        <v>827854.59999999986</v>
      </c>
      <c r="L188" s="32">
        <v>827854.59999999986</v>
      </c>
      <c r="M188" s="32">
        <v>827854.59999999986</v>
      </c>
      <c r="N188" s="32">
        <v>827854.59999999986</v>
      </c>
      <c r="O188" s="32">
        <v>827854.59999999986</v>
      </c>
      <c r="P188" s="32">
        <v>827854.59999999986</v>
      </c>
      <c r="Q188" s="32">
        <v>827854.59999999986</v>
      </c>
      <c r="R188" s="32">
        <v>827854.59999999986</v>
      </c>
      <c r="S188" s="32">
        <v>827854.59999999986</v>
      </c>
      <c r="T188" s="32">
        <v>827854.59999999986</v>
      </c>
      <c r="U188" s="32">
        <v>827854.59999999986</v>
      </c>
      <c r="V188" s="32">
        <v>827854.59999999986</v>
      </c>
      <c r="W188" s="32">
        <v>827854.59999999986</v>
      </c>
    </row>
    <row r="189" spans="1:23">
      <c r="A189" s="22" t="s">
        <v>51</v>
      </c>
      <c r="B189" s="32"/>
      <c r="C189" s="23"/>
      <c r="D189" s="24"/>
      <c r="E189" s="24"/>
      <c r="F189" s="32">
        <v>1080768.2849597998</v>
      </c>
      <c r="G189" s="32">
        <v>1080768.2849597998</v>
      </c>
      <c r="H189" s="32">
        <v>1080768.2849597998</v>
      </c>
      <c r="I189" s="32">
        <v>1080768.2849597998</v>
      </c>
      <c r="J189" s="32">
        <v>1080768.2849597998</v>
      </c>
      <c r="K189" s="32">
        <v>0</v>
      </c>
      <c r="L189" s="32">
        <v>170628.31599999999</v>
      </c>
      <c r="M189" s="32">
        <v>341256.63199999998</v>
      </c>
      <c r="N189" s="32">
        <v>511884.94799999997</v>
      </c>
      <c r="O189" s="32">
        <v>682513.26399999997</v>
      </c>
      <c r="P189" s="32">
        <v>1706283.16</v>
      </c>
      <c r="Q189" s="32">
        <v>1535654.844</v>
      </c>
      <c r="R189" s="32">
        <v>1365026.5279999999</v>
      </c>
      <c r="S189" s="32">
        <v>1194398.2119999998</v>
      </c>
      <c r="T189" s="32">
        <v>1023769.8959999999</v>
      </c>
      <c r="U189" s="32">
        <v>0</v>
      </c>
      <c r="V189" s="32">
        <v>170628.31599999999</v>
      </c>
      <c r="W189" s="32">
        <v>341256.63199999998</v>
      </c>
    </row>
    <row r="190" spans="1:23">
      <c r="A190" s="22" t="s">
        <v>53</v>
      </c>
      <c r="B190" s="32"/>
      <c r="C190" s="23"/>
      <c r="D190" s="24"/>
      <c r="E190" s="24"/>
      <c r="F190" s="32">
        <v>1125251.4440108999</v>
      </c>
      <c r="G190" s="32">
        <v>1125251.4440108999</v>
      </c>
      <c r="H190" s="32">
        <v>1125251.4440108999</v>
      </c>
      <c r="I190" s="32">
        <v>1125251.4440108999</v>
      </c>
      <c r="J190" s="32">
        <v>1125251.4440108999</v>
      </c>
      <c r="K190" s="32">
        <v>0</v>
      </c>
      <c r="L190" s="32">
        <v>177651.17800000001</v>
      </c>
      <c r="M190" s="32">
        <v>355302.35600000003</v>
      </c>
      <c r="N190" s="32">
        <v>532953.53399999999</v>
      </c>
      <c r="O190" s="32">
        <v>710604.71200000006</v>
      </c>
      <c r="P190" s="32">
        <v>1776511.78</v>
      </c>
      <c r="Q190" s="32">
        <v>1598860.602</v>
      </c>
      <c r="R190" s="32">
        <v>1421209.4240000001</v>
      </c>
      <c r="S190" s="32">
        <v>1243558.246</v>
      </c>
      <c r="T190" s="32">
        <v>1065907.068</v>
      </c>
      <c r="U190" s="32">
        <v>0</v>
      </c>
      <c r="V190" s="32">
        <v>177651.17800000001</v>
      </c>
      <c r="W190" s="32">
        <v>355302.35600000003</v>
      </c>
    </row>
    <row r="191" spans="1:23">
      <c r="A191" s="26" t="s">
        <v>54</v>
      </c>
      <c r="B191" s="35"/>
      <c r="C191" s="13"/>
      <c r="D191" s="36"/>
      <c r="E191" s="36"/>
      <c r="F191" s="35">
        <v>698368.94433405006</v>
      </c>
      <c r="G191" s="35">
        <v>914922.49033405003</v>
      </c>
      <c r="H191" s="35">
        <v>1131476.0363340501</v>
      </c>
      <c r="I191" s="35">
        <v>1348029.5823340502</v>
      </c>
      <c r="J191" s="35">
        <v>1564583.1283340503</v>
      </c>
      <c r="K191" s="35">
        <v>1082767.73</v>
      </c>
      <c r="L191" s="35">
        <v>1082767.73</v>
      </c>
      <c r="M191" s="35">
        <v>1082767.73</v>
      </c>
      <c r="N191" s="35">
        <v>1082767.73</v>
      </c>
      <c r="O191" s="35">
        <v>1082767.73</v>
      </c>
      <c r="P191" s="32">
        <v>1082767.73</v>
      </c>
      <c r="Q191" s="32">
        <v>1082767.73</v>
      </c>
      <c r="R191" s="32">
        <v>1082767.73</v>
      </c>
      <c r="S191" s="32">
        <v>1082767.73</v>
      </c>
      <c r="T191" s="32">
        <v>1082767.73</v>
      </c>
      <c r="U191" s="32">
        <v>1082767.73</v>
      </c>
      <c r="V191" s="32">
        <v>1082767.73</v>
      </c>
      <c r="W191" s="32">
        <v>1082767.73</v>
      </c>
    </row>
    <row r="192" spans="1:23">
      <c r="B192" s="37"/>
      <c r="F192" s="37"/>
      <c r="G192" s="37"/>
      <c r="H192" s="37"/>
      <c r="I192" s="37"/>
      <c r="J192" s="37"/>
      <c r="K192" s="37"/>
      <c r="L192" s="37"/>
      <c r="M192" s="37"/>
      <c r="N192" s="37"/>
      <c r="O192" s="37"/>
      <c r="P192" s="37"/>
      <c r="Q192" s="37"/>
      <c r="R192" s="37"/>
      <c r="S192" s="37"/>
      <c r="T192" s="37"/>
      <c r="U192" s="37"/>
      <c r="V192" s="37"/>
      <c r="W192" s="37"/>
    </row>
    <row r="193" spans="1:23" ht="18">
      <c r="A193" s="158" t="s">
        <v>152</v>
      </c>
    </row>
    <row r="194" spans="1:23" ht="22.5">
      <c r="A194" s="29" t="s">
        <v>41</v>
      </c>
      <c r="B194" s="30" t="s">
        <v>42</v>
      </c>
      <c r="C194" s="20" t="s">
        <v>43</v>
      </c>
      <c r="D194" s="30" t="s">
        <v>44</v>
      </c>
      <c r="E194" s="31" t="s">
        <v>2</v>
      </c>
      <c r="F194" s="31" t="s">
        <v>3</v>
      </c>
      <c r="G194" s="31" t="s">
        <v>4</v>
      </c>
      <c r="H194" s="31" t="s">
        <v>5</v>
      </c>
      <c r="I194" s="31" t="s">
        <v>6</v>
      </c>
      <c r="J194" s="31" t="s">
        <v>7</v>
      </c>
      <c r="K194" s="31" t="s">
        <v>8</v>
      </c>
      <c r="L194" s="31" t="s">
        <v>9</v>
      </c>
      <c r="M194" s="31" t="s">
        <v>10</v>
      </c>
      <c r="N194" s="31" t="s">
        <v>11</v>
      </c>
      <c r="O194" s="31" t="s">
        <v>12</v>
      </c>
      <c r="P194" s="31" t="s">
        <v>13</v>
      </c>
      <c r="Q194" s="31" t="s">
        <v>14</v>
      </c>
      <c r="R194" s="31" t="s">
        <v>15</v>
      </c>
      <c r="S194" s="31" t="s">
        <v>16</v>
      </c>
      <c r="T194" s="31" t="s">
        <v>17</v>
      </c>
      <c r="U194" s="31" t="s">
        <v>18</v>
      </c>
      <c r="V194" s="31" t="s">
        <v>19</v>
      </c>
      <c r="W194" s="31" t="s">
        <v>20</v>
      </c>
    </row>
    <row r="195" spans="1:23">
      <c r="A195" s="22" t="s">
        <v>45</v>
      </c>
      <c r="B195" s="32">
        <v>293083.95</v>
      </c>
      <c r="C195" s="23">
        <v>10</v>
      </c>
      <c r="D195" s="24">
        <v>0</v>
      </c>
      <c r="E195" s="32"/>
      <c r="F195" s="32">
        <v>12456.067875000001</v>
      </c>
      <c r="G195" s="32">
        <v>12456.067875000001</v>
      </c>
      <c r="H195" s="32">
        <v>12456.067875000001</v>
      </c>
      <c r="I195" s="32">
        <v>12456.067875000001</v>
      </c>
      <c r="J195" s="32">
        <v>12456.067875000001</v>
      </c>
      <c r="K195" s="32">
        <v>12456.067875000001</v>
      </c>
      <c r="L195" s="32">
        <v>12456.067875000001</v>
      </c>
      <c r="M195" s="32">
        <v>12456.067875000001</v>
      </c>
      <c r="N195" s="32">
        <v>12456.067875000001</v>
      </c>
      <c r="O195" s="32">
        <v>12456.067875000001</v>
      </c>
      <c r="P195" s="32">
        <v>12456.067875000001</v>
      </c>
      <c r="Q195" s="32">
        <v>12456.067875000001</v>
      </c>
      <c r="R195" s="32">
        <v>12456.067875000001</v>
      </c>
      <c r="S195" s="32">
        <v>12456.067875000001</v>
      </c>
      <c r="T195" s="32">
        <v>12456.067875000001</v>
      </c>
      <c r="U195" s="32">
        <v>12456.067875000001</v>
      </c>
      <c r="V195" s="32">
        <v>12456.067875000001</v>
      </c>
      <c r="W195" s="32">
        <v>12456.067875000001</v>
      </c>
    </row>
    <row r="196" spans="1:23">
      <c r="A196" s="22" t="s">
        <v>46</v>
      </c>
      <c r="B196" s="32">
        <v>241987.55</v>
      </c>
      <c r="C196" s="23">
        <v>7</v>
      </c>
      <c r="D196" s="24">
        <v>0</v>
      </c>
      <c r="E196" s="32"/>
      <c r="F196" s="32">
        <v>20568.941750000002</v>
      </c>
      <c r="G196" s="32">
        <v>20568.941750000002</v>
      </c>
      <c r="H196" s="32">
        <v>20568.941750000002</v>
      </c>
      <c r="I196" s="32">
        <v>20568.941750000002</v>
      </c>
      <c r="J196" s="32">
        <v>20568.941750000002</v>
      </c>
      <c r="K196" s="32">
        <v>20568.941750000002</v>
      </c>
      <c r="L196" s="32">
        <v>20568.941750000002</v>
      </c>
      <c r="M196" s="32">
        <v>20568.941750000002</v>
      </c>
      <c r="N196" s="32">
        <v>20568.941750000002</v>
      </c>
      <c r="O196" s="32">
        <v>20568.941750000002</v>
      </c>
      <c r="P196" s="32">
        <v>20568.941750000002</v>
      </c>
      <c r="Q196" s="32">
        <v>20568.941750000002</v>
      </c>
      <c r="R196" s="32">
        <v>20568.941750000002</v>
      </c>
      <c r="S196" s="32">
        <v>20568.941750000002</v>
      </c>
      <c r="T196" s="32">
        <v>20568.941750000002</v>
      </c>
      <c r="U196" s="32">
        <v>20568.941750000002</v>
      </c>
      <c r="V196" s="32">
        <v>20568.941750000002</v>
      </c>
      <c r="W196" s="32">
        <v>20568.941750000002</v>
      </c>
    </row>
    <row r="197" spans="1:23">
      <c r="A197" s="22" t="s">
        <v>47</v>
      </c>
      <c r="B197" s="32">
        <v>308113.28999999998</v>
      </c>
      <c r="C197" s="23">
        <v>10</v>
      </c>
      <c r="D197" s="24">
        <v>0</v>
      </c>
      <c r="E197" s="32"/>
      <c r="F197" s="32">
        <v>13094.814824999999</v>
      </c>
      <c r="G197" s="32">
        <v>13094.814824999999</v>
      </c>
      <c r="H197" s="32">
        <v>13094.814824999999</v>
      </c>
      <c r="I197" s="32">
        <v>13094.814824999999</v>
      </c>
      <c r="J197" s="32">
        <v>13094.814824999999</v>
      </c>
      <c r="K197" s="32">
        <v>13094.814824999999</v>
      </c>
      <c r="L197" s="32">
        <v>13094.814824999999</v>
      </c>
      <c r="M197" s="32">
        <v>13094.814824999999</v>
      </c>
      <c r="N197" s="32">
        <v>13094.814824999999</v>
      </c>
      <c r="O197" s="32">
        <v>13094.814824999999</v>
      </c>
      <c r="P197" s="32">
        <v>13094.814824999999</v>
      </c>
      <c r="Q197" s="32">
        <v>13094.814824999999</v>
      </c>
      <c r="R197" s="32">
        <v>13094.814824999999</v>
      </c>
      <c r="S197" s="32">
        <v>13094.814824999999</v>
      </c>
      <c r="T197" s="32">
        <v>13094.814824999999</v>
      </c>
      <c r="U197" s="32">
        <v>13094.814824999999</v>
      </c>
      <c r="V197" s="32">
        <v>13094.814824999999</v>
      </c>
      <c r="W197" s="32">
        <v>13094.814824999999</v>
      </c>
    </row>
    <row r="198" spans="1:23">
      <c r="A198" s="22" t="s">
        <v>48</v>
      </c>
      <c r="B198" s="32">
        <v>471388.5</v>
      </c>
      <c r="C198" s="23">
        <v>10</v>
      </c>
      <c r="D198" s="24">
        <v>0</v>
      </c>
      <c r="E198" s="32"/>
      <c r="F198" s="32">
        <v>20034.011250000003</v>
      </c>
      <c r="G198" s="32">
        <v>20034.011250000003</v>
      </c>
      <c r="H198" s="32">
        <v>20034.011250000003</v>
      </c>
      <c r="I198" s="32">
        <v>20034.011250000003</v>
      </c>
      <c r="J198" s="32">
        <v>20034.011250000003</v>
      </c>
      <c r="K198" s="32">
        <v>20034.011250000003</v>
      </c>
      <c r="L198" s="32">
        <v>20034.011250000003</v>
      </c>
      <c r="M198" s="32">
        <v>20034.011250000003</v>
      </c>
      <c r="N198" s="32">
        <v>20034.011250000003</v>
      </c>
      <c r="O198" s="32">
        <v>20034.011250000003</v>
      </c>
      <c r="P198" s="32">
        <v>20034.011250000003</v>
      </c>
      <c r="Q198" s="32">
        <v>20034.011250000003</v>
      </c>
      <c r="R198" s="32">
        <v>20034.011250000003</v>
      </c>
      <c r="S198" s="32">
        <v>20034.011250000003</v>
      </c>
      <c r="T198" s="32">
        <v>20034.011250000003</v>
      </c>
      <c r="U198" s="32">
        <v>20034.011250000003</v>
      </c>
      <c r="V198" s="32">
        <v>20034.011250000003</v>
      </c>
      <c r="W198" s="32">
        <v>20034.011250000003</v>
      </c>
    </row>
    <row r="199" spans="1:23">
      <c r="A199" s="22" t="s">
        <v>49</v>
      </c>
      <c r="B199" s="32">
        <v>565666.19999999995</v>
      </c>
      <c r="C199" s="23">
        <v>10</v>
      </c>
      <c r="D199" s="24">
        <v>0</v>
      </c>
      <c r="E199" s="32"/>
      <c r="F199" s="32">
        <v>24040.813499999997</v>
      </c>
      <c r="G199" s="32">
        <v>24040.813499999997</v>
      </c>
      <c r="H199" s="32">
        <v>24040.813499999997</v>
      </c>
      <c r="I199" s="32">
        <v>24040.813499999997</v>
      </c>
      <c r="J199" s="32">
        <v>24040.813499999997</v>
      </c>
      <c r="K199" s="32">
        <v>24040.813499999997</v>
      </c>
      <c r="L199" s="32">
        <v>24040.813499999997</v>
      </c>
      <c r="M199" s="32">
        <v>24040.813499999997</v>
      </c>
      <c r="N199" s="32">
        <v>24040.813499999997</v>
      </c>
      <c r="O199" s="32">
        <v>24040.813499999997</v>
      </c>
      <c r="P199" s="32">
        <v>24040.813499999997</v>
      </c>
      <c r="Q199" s="32">
        <v>24040.813499999997</v>
      </c>
      <c r="R199" s="32">
        <v>24040.813499999997</v>
      </c>
      <c r="S199" s="32">
        <v>24040.813499999997</v>
      </c>
      <c r="T199" s="32">
        <v>24040.813499999997</v>
      </c>
      <c r="U199" s="32">
        <v>24040.813499999997</v>
      </c>
      <c r="V199" s="32">
        <v>24040.813499999997</v>
      </c>
      <c r="W199" s="32">
        <v>24040.813499999997</v>
      </c>
    </row>
    <row r="200" spans="1:23">
      <c r="A200" s="22" t="s">
        <v>50</v>
      </c>
      <c r="B200" s="32">
        <v>827854.6</v>
      </c>
      <c r="C200" s="23">
        <v>10</v>
      </c>
      <c r="D200" s="24">
        <v>0</v>
      </c>
      <c r="E200" s="32"/>
      <c r="F200" s="32">
        <v>35183.820500000002</v>
      </c>
      <c r="G200" s="32">
        <v>35183.820500000002</v>
      </c>
      <c r="H200" s="32">
        <v>35183.820500000002</v>
      </c>
      <c r="I200" s="32">
        <v>35183.820500000002</v>
      </c>
      <c r="J200" s="32">
        <v>35183.820500000002</v>
      </c>
      <c r="K200" s="32">
        <v>35183.820500000002</v>
      </c>
      <c r="L200" s="32">
        <v>35183.820500000002</v>
      </c>
      <c r="M200" s="32">
        <v>35183.820500000002</v>
      </c>
      <c r="N200" s="32">
        <v>35183.820500000002</v>
      </c>
      <c r="O200" s="32">
        <v>35183.820500000002</v>
      </c>
      <c r="P200" s="32">
        <v>35183.820500000002</v>
      </c>
      <c r="Q200" s="32">
        <v>35183.820500000002</v>
      </c>
      <c r="R200" s="32">
        <v>35183.820500000002</v>
      </c>
      <c r="S200" s="32">
        <v>35183.820500000002</v>
      </c>
      <c r="T200" s="32">
        <v>35183.820500000002</v>
      </c>
      <c r="U200" s="32">
        <v>35183.820500000002</v>
      </c>
      <c r="V200" s="32">
        <v>35183.820500000002</v>
      </c>
      <c r="W200" s="32">
        <v>35183.820500000002</v>
      </c>
    </row>
    <row r="201" spans="1:23">
      <c r="A201" s="22" t="s">
        <v>51</v>
      </c>
      <c r="B201" s="32">
        <v>853141.58</v>
      </c>
      <c r="C201" s="34" t="s">
        <v>52</v>
      </c>
      <c r="D201" s="24">
        <v>0</v>
      </c>
      <c r="E201" s="32"/>
      <c r="F201" s="32">
        <v>0</v>
      </c>
      <c r="G201" s="32">
        <v>0</v>
      </c>
      <c r="H201" s="32">
        <v>0</v>
      </c>
      <c r="I201" s="32">
        <v>0</v>
      </c>
      <c r="J201" s="32">
        <v>0</v>
      </c>
      <c r="K201" s="32">
        <v>36258.51715</v>
      </c>
      <c r="L201" s="32">
        <v>36258.51715</v>
      </c>
      <c r="M201" s="32">
        <v>36258.51715</v>
      </c>
      <c r="N201" s="32">
        <v>36258.51715</v>
      </c>
      <c r="O201" s="32">
        <v>217551.1029</v>
      </c>
      <c r="P201" s="32">
        <v>0</v>
      </c>
      <c r="Q201" s="32">
        <v>0</v>
      </c>
      <c r="R201" s="32">
        <v>0</v>
      </c>
      <c r="S201" s="32">
        <v>0</v>
      </c>
      <c r="T201" s="32">
        <v>0</v>
      </c>
      <c r="U201" s="32">
        <v>36258.51715</v>
      </c>
      <c r="V201" s="32">
        <v>36258.51715</v>
      </c>
      <c r="W201" s="32">
        <v>36258.51715</v>
      </c>
    </row>
    <row r="202" spans="1:23">
      <c r="A202" s="22" t="s">
        <v>53</v>
      </c>
      <c r="B202" s="32">
        <v>888255.89</v>
      </c>
      <c r="C202" s="34" t="s">
        <v>52</v>
      </c>
      <c r="D202" s="24">
        <v>0</v>
      </c>
      <c r="E202" s="32"/>
      <c r="F202" s="32">
        <v>0</v>
      </c>
      <c r="G202" s="32">
        <v>0</v>
      </c>
      <c r="H202" s="32">
        <v>0</v>
      </c>
      <c r="I202" s="32">
        <v>0</v>
      </c>
      <c r="J202" s="32">
        <v>0</v>
      </c>
      <c r="K202" s="32">
        <v>37750.875325000001</v>
      </c>
      <c r="L202" s="32">
        <v>37750.875325000001</v>
      </c>
      <c r="M202" s="32">
        <v>37750.875325000001</v>
      </c>
      <c r="N202" s="32">
        <v>37750.875325000001</v>
      </c>
      <c r="O202" s="32">
        <v>226505.25195000003</v>
      </c>
      <c r="P202" s="32">
        <v>0</v>
      </c>
      <c r="Q202" s="32">
        <v>0</v>
      </c>
      <c r="R202" s="32">
        <v>0</v>
      </c>
      <c r="S202" s="32">
        <v>0</v>
      </c>
      <c r="T202" s="32">
        <v>0</v>
      </c>
      <c r="U202" s="32">
        <v>37750.875325000001</v>
      </c>
      <c r="V202" s="32">
        <v>37750.875325000001</v>
      </c>
      <c r="W202" s="32">
        <v>37750.875325000001</v>
      </c>
    </row>
    <row r="203" spans="1:23">
      <c r="A203" s="26" t="s">
        <v>54</v>
      </c>
      <c r="B203" s="35">
        <v>1082767.73</v>
      </c>
      <c r="C203" s="13">
        <v>10</v>
      </c>
      <c r="D203" s="36">
        <v>0</v>
      </c>
      <c r="E203" s="35"/>
      <c r="F203" s="35">
        <v>46017.628525</v>
      </c>
      <c r="G203" s="35">
        <v>46017.628525</v>
      </c>
      <c r="H203" s="35">
        <v>46017.628525</v>
      </c>
      <c r="I203" s="35">
        <v>46017.628525</v>
      </c>
      <c r="J203" s="35">
        <v>46017.628525</v>
      </c>
      <c r="K203" s="35">
        <v>46017.628525</v>
      </c>
      <c r="L203" s="35">
        <v>46017.628525</v>
      </c>
      <c r="M203" s="35">
        <v>46017.628525</v>
      </c>
      <c r="N203" s="35">
        <v>46017.628525</v>
      </c>
      <c r="O203" s="35">
        <v>46017.628525</v>
      </c>
      <c r="P203" s="35">
        <v>46017.628525</v>
      </c>
      <c r="Q203" s="35">
        <v>46017.628525</v>
      </c>
      <c r="R203" s="35">
        <v>46017.628525</v>
      </c>
      <c r="S203" s="35">
        <v>46017.628525</v>
      </c>
      <c r="T203" s="35">
        <v>46017.628525</v>
      </c>
      <c r="U203" s="35">
        <v>46017.628525</v>
      </c>
      <c r="V203" s="35">
        <v>46017.628525</v>
      </c>
      <c r="W203" s="35">
        <v>46017.628525</v>
      </c>
    </row>
    <row r="204" spans="1:23">
      <c r="F204" s="39"/>
      <c r="G204" s="39"/>
      <c r="H204" s="39"/>
      <c r="I204" s="39"/>
      <c r="J204" s="39"/>
      <c r="K204" s="39"/>
      <c r="L204" s="39"/>
      <c r="M204" s="39"/>
      <c r="N204" s="39"/>
      <c r="O204" s="39"/>
      <c r="P204" s="39"/>
      <c r="Q204" s="39"/>
      <c r="R204" s="39"/>
      <c r="S204" s="39"/>
      <c r="T204" s="39"/>
      <c r="U204" s="39"/>
      <c r="V204" s="39"/>
      <c r="W204" s="39"/>
    </row>
    <row r="205" spans="1:23">
      <c r="F205" s="39"/>
      <c r="G205" s="39"/>
      <c r="H205" s="39"/>
      <c r="I205" s="39"/>
      <c r="J205" s="39"/>
      <c r="K205" s="39"/>
      <c r="L205" s="39"/>
      <c r="M205" s="39"/>
      <c r="N205" s="39"/>
      <c r="O205" s="39"/>
      <c r="P205" s="39"/>
      <c r="Q205" s="39"/>
      <c r="R205" s="39"/>
      <c r="S205" s="39"/>
      <c r="T205" s="39"/>
      <c r="U205" s="39"/>
      <c r="V205" s="39"/>
      <c r="W205" s="39"/>
    </row>
    <row r="206" spans="1:23">
      <c r="F206" s="39"/>
      <c r="G206" s="39"/>
      <c r="H206" s="39"/>
      <c r="I206" s="39"/>
      <c r="J206" s="39"/>
      <c r="K206" s="39"/>
      <c r="L206" s="39"/>
      <c r="M206" s="39"/>
      <c r="N206" s="39"/>
      <c r="O206" s="39"/>
      <c r="P206" s="39"/>
      <c r="Q206" s="39"/>
      <c r="R206" s="39"/>
      <c r="S206" s="39"/>
      <c r="T206" s="39"/>
      <c r="U206" s="39"/>
      <c r="V206" s="39"/>
      <c r="W206" s="39"/>
    </row>
    <row r="207" spans="1:23">
      <c r="F207" s="39"/>
      <c r="G207" s="39"/>
      <c r="H207" s="39"/>
      <c r="I207" s="39"/>
      <c r="J207" s="39"/>
      <c r="K207" s="39"/>
      <c r="L207" s="39"/>
      <c r="M207" s="39"/>
      <c r="N207" s="39"/>
      <c r="O207" s="39"/>
      <c r="P207" s="39"/>
      <c r="Q207" s="39"/>
      <c r="R207" s="39"/>
      <c r="S207" s="39"/>
      <c r="T207" s="39"/>
      <c r="U207" s="39"/>
      <c r="V207" s="39"/>
      <c r="W207" s="39"/>
    </row>
    <row r="208" spans="1:23">
      <c r="F208" s="39"/>
      <c r="G208" s="39"/>
      <c r="H208" s="39"/>
      <c r="I208" s="39"/>
      <c r="J208" s="39"/>
      <c r="K208" s="39"/>
      <c r="L208" s="39"/>
      <c r="M208" s="39"/>
      <c r="N208" s="39"/>
      <c r="O208" s="39"/>
      <c r="P208" s="39"/>
      <c r="Q208" s="39"/>
      <c r="R208" s="39"/>
      <c r="S208" s="39"/>
      <c r="T208" s="39"/>
      <c r="U208" s="39"/>
      <c r="V208" s="39"/>
      <c r="W208" s="39"/>
    </row>
    <row r="209" spans="6:23">
      <c r="F209" s="39"/>
      <c r="G209" s="39"/>
      <c r="H209" s="39"/>
      <c r="I209" s="39"/>
      <c r="J209" s="39"/>
      <c r="K209" s="39"/>
      <c r="L209" s="39"/>
      <c r="M209" s="39"/>
      <c r="N209" s="39"/>
      <c r="O209" s="39"/>
      <c r="P209" s="39"/>
      <c r="Q209" s="39"/>
      <c r="R209" s="39"/>
      <c r="S209" s="39"/>
      <c r="T209" s="39"/>
      <c r="U209" s="39"/>
      <c r="V209" s="39"/>
      <c r="W209" s="39"/>
    </row>
    <row r="210" spans="6:23">
      <c r="F210" s="39"/>
      <c r="G210" s="39"/>
      <c r="H210" s="39"/>
      <c r="I210" s="39"/>
      <c r="J210" s="39"/>
      <c r="K210" s="39"/>
      <c r="L210" s="39"/>
      <c r="M210" s="39"/>
      <c r="N210" s="39"/>
      <c r="O210" s="39"/>
      <c r="P210" s="39"/>
      <c r="Q210" s="39"/>
      <c r="R210" s="39"/>
      <c r="S210" s="39"/>
      <c r="T210" s="39"/>
      <c r="U210" s="39"/>
      <c r="V210" s="39"/>
      <c r="W210" s="39"/>
    </row>
    <row r="211" spans="6:23">
      <c r="F211" s="39"/>
      <c r="G211" s="39"/>
      <c r="H211" s="39"/>
      <c r="I211" s="39"/>
      <c r="J211" s="39"/>
      <c r="K211" s="39"/>
      <c r="L211" s="39"/>
      <c r="M211" s="39"/>
      <c r="N211" s="39"/>
      <c r="O211" s="39"/>
      <c r="P211" s="39"/>
      <c r="Q211" s="39"/>
      <c r="R211" s="39"/>
      <c r="S211" s="39"/>
      <c r="T211" s="39"/>
      <c r="U211" s="39"/>
      <c r="V211" s="39"/>
      <c r="W211" s="39"/>
    </row>
    <row r="212" spans="6:23">
      <c r="F212" s="39"/>
      <c r="G212" s="39"/>
      <c r="H212" s="39"/>
      <c r="I212" s="39"/>
      <c r="J212" s="39"/>
      <c r="K212" s="39"/>
      <c r="L212" s="39"/>
      <c r="M212" s="39"/>
      <c r="N212" s="39"/>
      <c r="O212" s="39"/>
      <c r="P212" s="39"/>
      <c r="Q212" s="39"/>
      <c r="R212" s="39"/>
      <c r="S212" s="39"/>
      <c r="T212" s="39"/>
      <c r="U212" s="39"/>
      <c r="V212" s="39"/>
      <c r="W212" s="39"/>
    </row>
    <row r="213" spans="6:23">
      <c r="F213" s="39"/>
      <c r="G213" s="39"/>
      <c r="H213" s="39"/>
      <c r="I213" s="39"/>
      <c r="J213" s="39"/>
      <c r="K213" s="39"/>
      <c r="L213" s="39"/>
      <c r="M213" s="39"/>
      <c r="N213" s="39"/>
      <c r="O213" s="39"/>
      <c r="P213" s="39"/>
      <c r="Q213" s="39"/>
      <c r="R213" s="39"/>
      <c r="S213" s="39"/>
      <c r="T213" s="39"/>
      <c r="U213" s="39"/>
      <c r="V213" s="39"/>
      <c r="W213" s="39"/>
    </row>
    <row r="214" spans="6:23">
      <c r="F214" s="39"/>
      <c r="G214" s="39"/>
      <c r="H214" s="39"/>
      <c r="I214" s="39"/>
      <c r="J214" s="39"/>
      <c r="K214" s="39"/>
      <c r="L214" s="39"/>
      <c r="M214" s="39"/>
      <c r="N214" s="39"/>
      <c r="O214" s="39"/>
      <c r="P214" s="39"/>
      <c r="Q214" s="39"/>
      <c r="R214" s="39"/>
      <c r="S214" s="39"/>
      <c r="T214" s="39"/>
      <c r="U214" s="39"/>
      <c r="V214" s="39"/>
      <c r="W214" s="39"/>
    </row>
    <row r="215" spans="6:23">
      <c r="F215" s="39"/>
      <c r="G215" s="39"/>
      <c r="H215" s="39"/>
      <c r="I215" s="39"/>
      <c r="J215" s="39"/>
      <c r="K215" s="39"/>
      <c r="L215" s="39"/>
      <c r="M215" s="39"/>
      <c r="N215" s="39"/>
      <c r="O215" s="39"/>
      <c r="P215" s="39"/>
      <c r="Q215" s="39"/>
      <c r="R215" s="39"/>
      <c r="S215" s="39"/>
      <c r="T215" s="39"/>
      <c r="U215" s="39"/>
      <c r="V215" s="39"/>
      <c r="W215" s="39"/>
    </row>
    <row r="216" spans="6:23">
      <c r="F216" s="39"/>
      <c r="G216" s="39"/>
      <c r="H216" s="39"/>
      <c r="I216" s="39"/>
      <c r="J216" s="39"/>
      <c r="K216" s="39"/>
      <c r="L216" s="39"/>
      <c r="M216" s="39"/>
      <c r="N216" s="39"/>
      <c r="O216" s="39"/>
      <c r="P216" s="39"/>
      <c r="Q216" s="39"/>
      <c r="R216" s="39"/>
      <c r="S216" s="39"/>
      <c r="T216" s="39"/>
      <c r="U216" s="39"/>
      <c r="V216" s="39"/>
      <c r="W216" s="39"/>
    </row>
    <row r="217" spans="6:23">
      <c r="F217" s="39"/>
      <c r="G217" s="39"/>
      <c r="H217" s="39"/>
      <c r="I217" s="39"/>
      <c r="J217" s="39"/>
      <c r="K217" s="39"/>
      <c r="L217" s="39"/>
      <c r="M217" s="39"/>
      <c r="N217" s="39"/>
      <c r="O217" s="39"/>
      <c r="P217" s="39"/>
      <c r="Q217" s="39"/>
      <c r="R217" s="39"/>
      <c r="S217" s="39"/>
      <c r="T217" s="39"/>
      <c r="U217" s="39"/>
      <c r="V217" s="39"/>
      <c r="W217" s="39"/>
    </row>
    <row r="218" spans="6:23">
      <c r="F218" s="39"/>
      <c r="G218" s="39"/>
      <c r="H218" s="39"/>
      <c r="I218" s="39"/>
      <c r="J218" s="39"/>
      <c r="K218" s="39"/>
      <c r="L218" s="39"/>
      <c r="M218" s="39"/>
      <c r="N218" s="39"/>
      <c r="O218" s="39"/>
      <c r="P218" s="39"/>
      <c r="Q218" s="39"/>
      <c r="R218" s="39"/>
      <c r="S218" s="39"/>
      <c r="T218" s="39"/>
      <c r="U218" s="39"/>
      <c r="V218" s="39"/>
      <c r="W218" s="39"/>
    </row>
    <row r="219" spans="6:23">
      <c r="F219" s="39"/>
      <c r="G219" s="39"/>
      <c r="H219" s="39"/>
      <c r="I219" s="39"/>
      <c r="J219" s="39"/>
      <c r="K219" s="39"/>
      <c r="L219" s="39"/>
      <c r="M219" s="39"/>
      <c r="N219" s="39"/>
      <c r="O219" s="39"/>
      <c r="P219" s="39"/>
      <c r="Q219" s="39"/>
      <c r="R219" s="39"/>
      <c r="S219" s="39"/>
      <c r="T219" s="39"/>
      <c r="U219" s="39"/>
      <c r="V219" s="39"/>
      <c r="W219" s="39"/>
    </row>
    <row r="220" spans="6:23">
      <c r="F220" s="39"/>
      <c r="G220" s="39"/>
      <c r="H220" s="39"/>
      <c r="I220" s="39"/>
      <c r="J220" s="39"/>
      <c r="K220" s="39"/>
      <c r="L220" s="39"/>
      <c r="M220" s="39"/>
      <c r="N220" s="39"/>
      <c r="O220" s="39"/>
      <c r="P220" s="39"/>
      <c r="Q220" s="39"/>
      <c r="R220" s="39"/>
      <c r="S220" s="39"/>
      <c r="T220" s="39"/>
      <c r="U220" s="39"/>
      <c r="V220" s="39"/>
      <c r="W220" s="39"/>
    </row>
    <row r="221" spans="6:23">
      <c r="F221" s="39"/>
      <c r="G221" s="39"/>
      <c r="H221" s="39"/>
      <c r="I221" s="39"/>
      <c r="J221" s="39"/>
      <c r="K221" s="39"/>
      <c r="L221" s="39"/>
      <c r="M221" s="39"/>
      <c r="N221" s="39"/>
      <c r="O221" s="39"/>
      <c r="P221" s="39"/>
      <c r="Q221" s="39"/>
      <c r="R221" s="39"/>
      <c r="S221" s="39"/>
      <c r="T221" s="39"/>
      <c r="U221" s="39"/>
      <c r="V221" s="39"/>
      <c r="W221" s="39"/>
    </row>
    <row r="222" spans="6:23">
      <c r="F222" s="39"/>
      <c r="G222" s="39"/>
      <c r="H222" s="39"/>
      <c r="I222" s="39"/>
      <c r="J222" s="39"/>
      <c r="K222" s="39"/>
      <c r="L222" s="39"/>
      <c r="M222" s="39"/>
      <c r="N222" s="39"/>
      <c r="O222" s="39"/>
      <c r="P222" s="39"/>
      <c r="Q222" s="39"/>
      <c r="R222" s="39"/>
      <c r="S222" s="39"/>
      <c r="T222" s="39"/>
      <c r="U222" s="39"/>
      <c r="V222" s="39"/>
      <c r="W222" s="39"/>
    </row>
    <row r="223" spans="6:23">
      <c r="F223" s="39"/>
      <c r="G223" s="39"/>
      <c r="H223" s="39"/>
      <c r="I223" s="39"/>
      <c r="J223" s="39"/>
      <c r="K223" s="39"/>
      <c r="L223" s="39"/>
      <c r="M223" s="39"/>
      <c r="N223" s="39"/>
      <c r="O223" s="39"/>
      <c r="P223" s="39"/>
      <c r="Q223" s="39"/>
      <c r="R223" s="39"/>
      <c r="S223" s="39"/>
      <c r="T223" s="39"/>
      <c r="U223" s="39"/>
      <c r="V223" s="39"/>
      <c r="W223" s="39"/>
    </row>
    <row r="224" spans="6:23">
      <c r="F224" s="39"/>
      <c r="G224" s="39"/>
      <c r="H224" s="39"/>
      <c r="I224" s="39"/>
      <c r="J224" s="39"/>
      <c r="K224" s="39"/>
      <c r="L224" s="39"/>
      <c r="M224" s="39"/>
      <c r="N224" s="39"/>
      <c r="O224" s="39"/>
      <c r="P224" s="39"/>
      <c r="Q224" s="39"/>
      <c r="R224" s="39"/>
      <c r="S224" s="39"/>
      <c r="T224" s="39"/>
      <c r="U224" s="39"/>
      <c r="V224" s="39"/>
      <c r="W224" s="39"/>
    </row>
    <row r="225" spans="6:23">
      <c r="F225" s="39"/>
      <c r="G225" s="39"/>
      <c r="H225" s="39"/>
      <c r="I225" s="39"/>
      <c r="J225" s="39"/>
      <c r="K225" s="39"/>
      <c r="L225" s="39"/>
      <c r="M225" s="39"/>
      <c r="N225" s="39"/>
      <c r="O225" s="39"/>
      <c r="P225" s="39"/>
      <c r="Q225" s="39"/>
      <c r="R225" s="39"/>
      <c r="S225" s="39"/>
      <c r="T225" s="39"/>
      <c r="U225" s="39"/>
      <c r="V225" s="39"/>
      <c r="W225" s="39"/>
    </row>
    <row r="226" spans="6:23">
      <c r="F226" s="39"/>
      <c r="G226" s="39"/>
      <c r="H226" s="39"/>
      <c r="I226" s="39"/>
      <c r="J226" s="39"/>
      <c r="K226" s="39"/>
      <c r="L226" s="39"/>
      <c r="M226" s="39"/>
      <c r="N226" s="39"/>
      <c r="O226" s="39"/>
      <c r="P226" s="39"/>
      <c r="Q226" s="39"/>
      <c r="R226" s="39"/>
      <c r="S226" s="39"/>
      <c r="T226" s="39"/>
      <c r="U226" s="39"/>
      <c r="V226" s="39"/>
      <c r="W226" s="39"/>
    </row>
    <row r="227" spans="6:23">
      <c r="F227" s="39"/>
      <c r="G227" s="39"/>
      <c r="H227" s="39"/>
      <c r="I227" s="39"/>
      <c r="J227" s="39"/>
      <c r="K227" s="39"/>
      <c r="L227" s="39"/>
      <c r="M227" s="39"/>
      <c r="N227" s="39"/>
      <c r="O227" s="39"/>
      <c r="P227" s="39"/>
      <c r="Q227" s="39"/>
      <c r="R227" s="39"/>
      <c r="S227" s="39"/>
      <c r="T227" s="39"/>
      <c r="U227" s="39"/>
      <c r="V227" s="39"/>
      <c r="W227" s="39"/>
    </row>
    <row r="228" spans="6:23">
      <c r="F228" s="39"/>
      <c r="G228" s="39"/>
      <c r="H228" s="39"/>
      <c r="I228" s="39"/>
      <c r="J228" s="39"/>
      <c r="K228" s="39"/>
      <c r="L228" s="39"/>
      <c r="M228" s="39"/>
      <c r="N228" s="39"/>
      <c r="O228" s="39"/>
      <c r="P228" s="39"/>
      <c r="Q228" s="39"/>
      <c r="R228" s="39"/>
      <c r="S228" s="39"/>
      <c r="T228" s="39"/>
      <c r="U228" s="39"/>
      <c r="V228" s="39"/>
      <c r="W228" s="39"/>
    </row>
    <row r="229" spans="6:23">
      <c r="F229" s="39"/>
      <c r="G229" s="39"/>
      <c r="H229" s="39"/>
      <c r="I229" s="39"/>
      <c r="J229" s="39"/>
      <c r="K229" s="39"/>
      <c r="L229" s="39"/>
      <c r="M229" s="39"/>
      <c r="N229" s="39"/>
      <c r="O229" s="39"/>
      <c r="P229" s="39"/>
      <c r="Q229" s="39"/>
      <c r="R229" s="39"/>
      <c r="S229" s="39"/>
      <c r="T229" s="39"/>
      <c r="U229" s="39"/>
      <c r="V229" s="39"/>
      <c r="W229" s="39"/>
    </row>
    <row r="230" spans="6:23">
      <c r="F230" s="39"/>
      <c r="G230" s="39"/>
      <c r="H230" s="39"/>
      <c r="I230" s="39"/>
      <c r="J230" s="39"/>
      <c r="K230" s="39"/>
      <c r="L230" s="39"/>
      <c r="M230" s="39"/>
      <c r="N230" s="39"/>
      <c r="O230" s="39"/>
      <c r="P230" s="39"/>
      <c r="Q230" s="39"/>
      <c r="R230" s="39"/>
      <c r="S230" s="39"/>
      <c r="T230" s="39"/>
      <c r="U230" s="39"/>
      <c r="V230" s="39"/>
      <c r="W230" s="39"/>
    </row>
    <row r="231" spans="6:23">
      <c r="F231" s="39"/>
      <c r="G231" s="39"/>
      <c r="H231" s="39"/>
      <c r="I231" s="39"/>
      <c r="J231" s="39"/>
      <c r="K231" s="39"/>
      <c r="L231" s="39"/>
      <c r="M231" s="39"/>
      <c r="N231" s="39"/>
      <c r="O231" s="39"/>
      <c r="P231" s="39"/>
      <c r="Q231" s="39"/>
      <c r="R231" s="39"/>
      <c r="S231" s="39"/>
      <c r="T231" s="39"/>
      <c r="U231" s="39"/>
      <c r="V231" s="39"/>
      <c r="W231" s="39"/>
    </row>
    <row r="232" spans="6:23">
      <c r="F232" s="39"/>
      <c r="G232" s="39"/>
      <c r="H232" s="39"/>
      <c r="I232" s="39"/>
      <c r="J232" s="39"/>
      <c r="K232" s="39"/>
      <c r="L232" s="39"/>
      <c r="M232" s="39"/>
      <c r="N232" s="39"/>
      <c r="O232" s="39"/>
      <c r="P232" s="39"/>
      <c r="Q232" s="39"/>
      <c r="R232" s="39"/>
      <c r="S232" s="39"/>
      <c r="T232" s="39"/>
      <c r="U232" s="39"/>
      <c r="V232" s="39"/>
      <c r="W232" s="39"/>
    </row>
    <row r="233" spans="6:23">
      <c r="F233" s="39"/>
      <c r="G233" s="39"/>
      <c r="H233" s="39"/>
      <c r="I233" s="39"/>
      <c r="J233" s="39"/>
      <c r="K233" s="39"/>
      <c r="L233" s="39"/>
      <c r="M233" s="39"/>
      <c r="N233" s="39"/>
      <c r="O233" s="39"/>
      <c r="P233" s="39"/>
      <c r="Q233" s="39"/>
      <c r="R233" s="39"/>
      <c r="S233" s="39"/>
      <c r="T233" s="39"/>
      <c r="U233" s="39"/>
      <c r="V233" s="39"/>
      <c r="W233" s="39"/>
    </row>
    <row r="234" spans="6:23">
      <c r="F234" s="39"/>
      <c r="G234" s="39"/>
      <c r="H234" s="39"/>
      <c r="I234" s="39"/>
      <c r="J234" s="39"/>
      <c r="K234" s="39"/>
      <c r="L234" s="39"/>
      <c r="M234" s="39"/>
      <c r="N234" s="39"/>
      <c r="O234" s="39"/>
      <c r="P234" s="39"/>
      <c r="Q234" s="39"/>
      <c r="R234" s="39"/>
      <c r="S234" s="39"/>
      <c r="T234" s="39"/>
      <c r="U234" s="39"/>
      <c r="V234" s="39"/>
      <c r="W234" s="39"/>
    </row>
    <row r="235" spans="6:23">
      <c r="F235" s="39"/>
      <c r="G235" s="39"/>
      <c r="H235" s="39"/>
      <c r="I235" s="39"/>
      <c r="J235" s="39"/>
      <c r="K235" s="39"/>
      <c r="L235" s="39"/>
      <c r="M235" s="39"/>
      <c r="N235" s="39"/>
      <c r="O235" s="39"/>
      <c r="P235" s="39"/>
      <c r="Q235" s="39"/>
      <c r="R235" s="39"/>
      <c r="S235" s="39"/>
      <c r="T235" s="39"/>
      <c r="U235" s="39"/>
      <c r="V235" s="39"/>
      <c r="W235" s="39"/>
    </row>
    <row r="236" spans="6:23">
      <c r="F236" s="39"/>
      <c r="G236" s="39"/>
      <c r="H236" s="39"/>
      <c r="I236" s="39"/>
      <c r="J236" s="39"/>
      <c r="K236" s="39"/>
      <c r="L236" s="39"/>
      <c r="M236" s="39"/>
      <c r="N236" s="39"/>
      <c r="O236" s="39"/>
      <c r="P236" s="39"/>
      <c r="Q236" s="39"/>
      <c r="R236" s="39"/>
      <c r="S236" s="39"/>
      <c r="T236" s="39"/>
      <c r="U236" s="39"/>
      <c r="V236" s="39"/>
      <c r="W236" s="39"/>
    </row>
    <row r="237" spans="6:23">
      <c r="F237" s="39"/>
      <c r="G237" s="39"/>
      <c r="H237" s="39"/>
      <c r="I237" s="39"/>
      <c r="J237" s="39"/>
      <c r="K237" s="39"/>
      <c r="L237" s="39"/>
      <c r="M237" s="39"/>
      <c r="N237" s="39"/>
      <c r="O237" s="39"/>
      <c r="P237" s="39"/>
      <c r="Q237" s="39"/>
      <c r="R237" s="39"/>
      <c r="S237" s="39"/>
      <c r="T237" s="39"/>
      <c r="U237" s="39"/>
      <c r="V237" s="39"/>
      <c r="W237" s="39"/>
    </row>
    <row r="238" spans="6:23">
      <c r="F238" s="39"/>
      <c r="G238" s="39"/>
      <c r="H238" s="39"/>
      <c r="I238" s="39"/>
      <c r="J238" s="39"/>
      <c r="K238" s="39"/>
      <c r="L238" s="39"/>
      <c r="M238" s="39"/>
      <c r="N238" s="39"/>
      <c r="O238" s="39"/>
      <c r="P238" s="39"/>
      <c r="Q238" s="39"/>
      <c r="R238" s="39"/>
      <c r="S238" s="39"/>
      <c r="T238" s="39"/>
      <c r="U238" s="39"/>
      <c r="V238" s="39"/>
      <c r="W238" s="39"/>
    </row>
    <row r="239" spans="6:23">
      <c r="F239" s="39"/>
      <c r="G239" s="39"/>
      <c r="H239" s="39"/>
      <c r="I239" s="39"/>
      <c r="J239" s="39"/>
      <c r="K239" s="39"/>
      <c r="L239" s="39"/>
      <c r="M239" s="39"/>
      <c r="N239" s="39"/>
      <c r="O239" s="39"/>
      <c r="P239" s="39"/>
      <c r="Q239" s="39"/>
      <c r="R239" s="39"/>
      <c r="S239" s="39"/>
      <c r="T239" s="39"/>
      <c r="U239" s="39"/>
      <c r="V239" s="39"/>
      <c r="W239" s="39"/>
    </row>
    <row r="240" spans="6:23">
      <c r="F240" s="39"/>
      <c r="G240" s="39"/>
      <c r="H240" s="39"/>
      <c r="I240" s="39"/>
      <c r="J240" s="39"/>
      <c r="K240" s="39"/>
      <c r="L240" s="39"/>
      <c r="M240" s="39"/>
      <c r="N240" s="39"/>
      <c r="O240" s="39"/>
      <c r="P240" s="39"/>
      <c r="Q240" s="39"/>
      <c r="R240" s="39"/>
      <c r="S240" s="39"/>
      <c r="T240" s="39"/>
      <c r="U240" s="39"/>
      <c r="V240" s="39"/>
      <c r="W240" s="39"/>
    </row>
    <row r="247" spans="11:11" ht="12.75">
      <c r="K247" s="161" t="s">
        <v>168</v>
      </c>
    </row>
  </sheetData>
  <pageMargins left="0.7633928571428571" right="0.17" top="0.24" bottom="0.16" header="0.17" footer="0.31496062992125984"/>
  <pageSetup paperSize="9" scale="57" orientation="landscape" r:id="rId1"/>
  <rowBreaks count="2" manualBreakCount="2">
    <brk id="82" max="22" man="1"/>
    <brk id="164" max="22" man="1"/>
  </rowBreaks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>
  <sheetPr codeName="Plan10"/>
  <dimension ref="A1:V89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" customHeight="1">
      <c r="A1" s="158" t="s">
        <v>55</v>
      </c>
    </row>
    <row r="4" spans="1:22" ht="18">
      <c r="A4" s="158" t="s">
        <v>153</v>
      </c>
    </row>
    <row r="5" spans="1:22" ht="15.75">
      <c r="A5" s="166" t="s">
        <v>46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7</v>
      </c>
    </row>
    <row r="8" spans="1:22" ht="12.75">
      <c r="A8" s="170" t="s">
        <v>58</v>
      </c>
      <c r="B8" s="171"/>
      <c r="C8" s="172">
        <v>13369.232458123784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8494.4987348593277</v>
      </c>
    </row>
    <row r="11" spans="1:22" ht="12.75">
      <c r="A11" s="167" t="s">
        <v>60</v>
      </c>
      <c r="B11" s="168"/>
      <c r="C11" s="175">
        <v>1760.9555809999999</v>
      </c>
    </row>
    <row r="12" spans="1:22" ht="12.75">
      <c r="A12" s="167" t="s">
        <v>61</v>
      </c>
      <c r="B12" s="168"/>
      <c r="C12" s="176">
        <v>6733.5431538593275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1123015.5264823977</v>
      </c>
      <c r="D17" s="42">
        <v>1123015.5264823977</v>
      </c>
      <c r="E17" s="42">
        <v>1123015.5264823977</v>
      </c>
      <c r="F17" s="42">
        <v>1123015.5264823977</v>
      </c>
      <c r="G17" s="42">
        <v>1123015.5264823977</v>
      </c>
      <c r="H17" s="42">
        <v>1123015.5264823977</v>
      </c>
      <c r="I17" s="42">
        <v>1123015.5264823977</v>
      </c>
      <c r="J17" s="42">
        <v>1123015.5264823977</v>
      </c>
      <c r="K17" s="42">
        <v>1123015.5264823977</v>
      </c>
      <c r="L17" s="42">
        <v>1123015.5264823977</v>
      </c>
      <c r="M17" s="42">
        <v>1123015.5264823977</v>
      </c>
      <c r="N17" s="42">
        <v>1123015.5264823977</v>
      </c>
      <c r="O17" s="42">
        <v>1123015.5264823977</v>
      </c>
      <c r="P17" s="42">
        <v>1123015.5264823977</v>
      </c>
      <c r="Q17" s="42">
        <v>1123015.5264823977</v>
      </c>
      <c r="R17" s="42">
        <v>1123015.5264823977</v>
      </c>
      <c r="S17" s="42">
        <v>1123015.5264823977</v>
      </c>
      <c r="T17" s="42">
        <v>1123015.5264823977</v>
      </c>
      <c r="U17" s="42">
        <v>1123015.5264823977</v>
      </c>
      <c r="V17" s="42">
        <v>1123015.5264823977</v>
      </c>
    </row>
    <row r="18" spans="1:22">
      <c r="A18" s="45" t="s">
        <v>65</v>
      </c>
      <c r="B18" s="45"/>
      <c r="C18" s="46">
        <v>22460.310529647955</v>
      </c>
      <c r="D18" s="46">
        <v>22460.310529647955</v>
      </c>
      <c r="E18" s="46">
        <v>22460.310529647955</v>
      </c>
      <c r="F18" s="46">
        <v>22460.310529647955</v>
      </c>
      <c r="G18" s="46">
        <v>22460.310529647955</v>
      </c>
      <c r="H18" s="46">
        <v>22460.310529647955</v>
      </c>
      <c r="I18" s="46">
        <v>22460.310529647955</v>
      </c>
      <c r="J18" s="46">
        <v>22460.310529647955</v>
      </c>
      <c r="K18" s="46">
        <v>22460.310529647955</v>
      </c>
      <c r="L18" s="46">
        <v>22460.310529647955</v>
      </c>
      <c r="M18" s="46">
        <v>22460.310529647955</v>
      </c>
      <c r="N18" s="46">
        <v>22460.310529647955</v>
      </c>
      <c r="O18" s="46">
        <v>22460.310529647955</v>
      </c>
      <c r="P18" s="46">
        <v>22460.310529647955</v>
      </c>
      <c r="Q18" s="46">
        <v>22460.310529647955</v>
      </c>
      <c r="R18" s="46">
        <v>22460.310529647955</v>
      </c>
      <c r="S18" s="46">
        <v>22460.310529647955</v>
      </c>
      <c r="T18" s="46">
        <v>22460.310529647955</v>
      </c>
      <c r="U18" s="46">
        <v>22460.310529647955</v>
      </c>
      <c r="V18" s="46">
        <v>22460.310529647955</v>
      </c>
    </row>
    <row r="19" spans="1:22">
      <c r="A19" s="41" t="s">
        <v>66</v>
      </c>
      <c r="B19" s="41"/>
      <c r="C19" s="47">
        <v>1100555.2159527498</v>
      </c>
      <c r="D19" s="47">
        <v>1100555.2159527498</v>
      </c>
      <c r="E19" s="47">
        <v>1100555.2159527498</v>
      </c>
      <c r="F19" s="47">
        <v>1100555.2159527498</v>
      </c>
      <c r="G19" s="47">
        <v>1100555.2159527498</v>
      </c>
      <c r="H19" s="47">
        <v>1100555.2159527498</v>
      </c>
      <c r="I19" s="47">
        <v>1100555.2159527498</v>
      </c>
      <c r="J19" s="47">
        <v>1100555.2159527498</v>
      </c>
      <c r="K19" s="47">
        <v>1100555.2159527498</v>
      </c>
      <c r="L19" s="47">
        <v>1100555.2159527498</v>
      </c>
      <c r="M19" s="47">
        <v>1100555.2159527498</v>
      </c>
      <c r="N19" s="47">
        <v>1100555.2159527498</v>
      </c>
      <c r="O19" s="47">
        <v>1100555.2159527498</v>
      </c>
      <c r="P19" s="47">
        <v>1100555.2159527498</v>
      </c>
      <c r="Q19" s="47">
        <v>1100555.2159527498</v>
      </c>
      <c r="R19" s="47">
        <v>1100555.2159527498</v>
      </c>
      <c r="S19" s="47">
        <v>1100555.2159527498</v>
      </c>
      <c r="T19" s="47">
        <v>1100555.2159527498</v>
      </c>
      <c r="U19" s="47">
        <v>1100555.2159527498</v>
      </c>
      <c r="V19" s="47">
        <v>1100555.2159527498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718440.13372818357</v>
      </c>
      <c r="D21" s="46">
        <v>718440.13372818357</v>
      </c>
      <c r="E21" s="46">
        <v>718440.13372818357</v>
      </c>
      <c r="F21" s="46">
        <v>723622.09372818354</v>
      </c>
      <c r="G21" s="46">
        <v>723622.09372818354</v>
      </c>
      <c r="H21" s="46">
        <v>723622.09372818354</v>
      </c>
      <c r="I21" s="46">
        <v>723622.09372818354</v>
      </c>
      <c r="J21" s="46">
        <v>723622.09372818354</v>
      </c>
      <c r="K21" s="46">
        <v>723622.09372818354</v>
      </c>
      <c r="L21" s="46">
        <v>723622.09372818354</v>
      </c>
      <c r="M21" s="48">
        <v>718440.13372818357</v>
      </c>
      <c r="N21" s="48">
        <v>718440.13372818357</v>
      </c>
      <c r="O21" s="48">
        <v>718440.13372818357</v>
      </c>
      <c r="P21" s="48">
        <v>723622.09372818354</v>
      </c>
      <c r="Q21" s="48">
        <v>723622.09372818354</v>
      </c>
      <c r="R21" s="48">
        <v>723622.09372818354</v>
      </c>
      <c r="S21" s="48">
        <v>723622.09372818354</v>
      </c>
      <c r="T21" s="48">
        <v>723622.09372818354</v>
      </c>
      <c r="U21" s="48">
        <v>723622.09372818354</v>
      </c>
      <c r="V21" s="48">
        <v>723622.09372818354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139366.02065283334</v>
      </c>
      <c r="D23" s="42">
        <v>201765.73003883331</v>
      </c>
      <c r="E23" s="42">
        <v>254933.64850683333</v>
      </c>
      <c r="F23" s="42">
        <v>304899.5505068333</v>
      </c>
      <c r="G23" s="42">
        <v>353297.06050683331</v>
      </c>
      <c r="H23" s="42">
        <v>262406.46148733335</v>
      </c>
      <c r="I23" s="42">
        <v>248404.26210133333</v>
      </c>
      <c r="J23" s="42">
        <v>243633.85363333332</v>
      </c>
      <c r="K23" s="42">
        <v>242065.46163333333</v>
      </c>
      <c r="L23" s="42">
        <v>249765.46163333333</v>
      </c>
      <c r="M23" s="42">
        <v>261027.17977933332</v>
      </c>
      <c r="N23" s="42">
        <v>275029.37916533335</v>
      </c>
      <c r="O23" s="42">
        <v>279799.78763333336</v>
      </c>
      <c r="P23" s="42">
        <v>281368.17963333335</v>
      </c>
      <c r="Q23" s="42">
        <v>273668.17963333335</v>
      </c>
      <c r="R23" s="42">
        <v>262406.46148733335</v>
      </c>
      <c r="S23" s="42">
        <v>248404.26210133333</v>
      </c>
      <c r="T23" s="42">
        <v>243633.85363333332</v>
      </c>
      <c r="U23" s="42">
        <v>242065.46163333333</v>
      </c>
      <c r="V23" s="42">
        <v>242065.46163333333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242749.06157173292</v>
      </c>
      <c r="D25" s="48">
        <v>180349.35218573295</v>
      </c>
      <c r="E25" s="48">
        <v>127181.43371773293</v>
      </c>
      <c r="F25" s="48">
        <v>72033.571717732993</v>
      </c>
      <c r="G25" s="48">
        <v>23636.061717732984</v>
      </c>
      <c r="H25" s="48">
        <v>114526.66073723295</v>
      </c>
      <c r="I25" s="48">
        <v>128528.86012323297</v>
      </c>
      <c r="J25" s="48">
        <v>133299.26859123298</v>
      </c>
      <c r="K25" s="48">
        <v>134867.66059123297</v>
      </c>
      <c r="L25" s="48">
        <v>127167.66059123297</v>
      </c>
      <c r="M25" s="48">
        <v>121087.90244523293</v>
      </c>
      <c r="N25" s="48">
        <v>107085.70305923291</v>
      </c>
      <c r="O25" s="48">
        <v>102315.2945912329</v>
      </c>
      <c r="P25" s="48">
        <v>95564.942591232946</v>
      </c>
      <c r="Q25" s="48">
        <v>103264.94259123295</v>
      </c>
      <c r="R25" s="48">
        <v>114526.66073723295</v>
      </c>
      <c r="S25" s="48">
        <v>128528.86012323297</v>
      </c>
      <c r="T25" s="48">
        <v>133299.26859123298</v>
      </c>
      <c r="U25" s="48">
        <v>134867.66059123297</v>
      </c>
      <c r="V25" s="48">
        <v>134867.66059123297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82534.680934389195</v>
      </c>
      <c r="D27" s="42">
        <v>61318.779743149207</v>
      </c>
      <c r="E27" s="42">
        <v>43241.687464029201</v>
      </c>
      <c r="F27" s="42">
        <v>24491.41438402922</v>
      </c>
      <c r="G27" s="42">
        <v>8036.2609840292153</v>
      </c>
      <c r="H27" s="42">
        <v>38939.064650659202</v>
      </c>
      <c r="I27" s="42">
        <v>43699.812441899216</v>
      </c>
      <c r="J27" s="42">
        <v>45321.751321019212</v>
      </c>
      <c r="K27" s="42">
        <v>45855.004601019209</v>
      </c>
      <c r="L27" s="42">
        <v>43237.004601019209</v>
      </c>
      <c r="M27" s="42">
        <v>41169.886831379197</v>
      </c>
      <c r="N27" s="42">
        <v>36409.139040139191</v>
      </c>
      <c r="O27" s="42">
        <v>34787.200161019187</v>
      </c>
      <c r="P27" s="42">
        <v>32492.080481019206</v>
      </c>
      <c r="Q27" s="42">
        <v>35110.080481019206</v>
      </c>
      <c r="R27" s="42">
        <v>38939.064650659202</v>
      </c>
      <c r="S27" s="42">
        <v>43699.812441899216</v>
      </c>
      <c r="T27" s="42">
        <v>45321.751321019212</v>
      </c>
      <c r="U27" s="42">
        <v>45855.004601019209</v>
      </c>
      <c r="V27" s="42">
        <v>45855.004601019209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160214.38063734374</v>
      </c>
      <c r="D29" s="48">
        <v>119030.57244258374</v>
      </c>
      <c r="E29" s="48">
        <v>83939.746253703721</v>
      </c>
      <c r="F29" s="48">
        <v>47542.15733370377</v>
      </c>
      <c r="G29" s="48">
        <v>15599.800733703769</v>
      </c>
      <c r="H29" s="48">
        <v>75587.596086573743</v>
      </c>
      <c r="I29" s="48">
        <v>84829.047681333759</v>
      </c>
      <c r="J29" s="48">
        <v>87977.517270213764</v>
      </c>
      <c r="K29" s="48">
        <v>89012.655990213767</v>
      </c>
      <c r="L29" s="48">
        <v>83930.655990213767</v>
      </c>
      <c r="M29" s="48">
        <v>79918.015613853728</v>
      </c>
      <c r="N29" s="48">
        <v>70676.564019093727</v>
      </c>
      <c r="O29" s="48">
        <v>67528.094430213707</v>
      </c>
      <c r="P29" s="48">
        <v>63072.86211021374</v>
      </c>
      <c r="Q29" s="48">
        <v>68154.86211021374</v>
      </c>
      <c r="R29" s="48">
        <v>75587.596086573743</v>
      </c>
      <c r="S29" s="48">
        <v>84829.047681333759</v>
      </c>
      <c r="T29" s="48">
        <v>87977.517270213764</v>
      </c>
      <c r="U29" s="48">
        <v>89012.655990213767</v>
      </c>
      <c r="V29" s="48">
        <v>89012.655990213767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139366.02065283334</v>
      </c>
      <c r="D31" s="42">
        <v>201765.73003883331</v>
      </c>
      <c r="E31" s="42">
        <v>254933.64850683333</v>
      </c>
      <c r="F31" s="42">
        <v>304899.5505068333</v>
      </c>
      <c r="G31" s="42">
        <v>353297.06050683331</v>
      </c>
      <c r="H31" s="42">
        <v>262406.46148733335</v>
      </c>
      <c r="I31" s="42">
        <v>248404.26210133333</v>
      </c>
      <c r="J31" s="42">
        <v>243633.85363333332</v>
      </c>
      <c r="K31" s="42">
        <v>242065.46163333333</v>
      </c>
      <c r="L31" s="42">
        <v>249765.46163333333</v>
      </c>
      <c r="M31" s="42">
        <v>261027.17977933332</v>
      </c>
      <c r="N31" s="42">
        <v>275029.37916533335</v>
      </c>
      <c r="O31" s="42">
        <v>279799.78763333336</v>
      </c>
      <c r="P31" s="42">
        <v>281368.17963333335</v>
      </c>
      <c r="Q31" s="42">
        <v>273668.17963333335</v>
      </c>
      <c r="R31" s="42">
        <v>262406.46148733335</v>
      </c>
      <c r="S31" s="42">
        <v>248404.26210133333</v>
      </c>
      <c r="T31" s="42">
        <v>243633.85363333332</v>
      </c>
      <c r="U31" s="42">
        <v>242065.46163333333</v>
      </c>
      <c r="V31" s="42">
        <v>242065.46163333333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299580.40129017708</v>
      </c>
      <c r="D33" s="48">
        <v>320796.30248141708</v>
      </c>
      <c r="E33" s="48">
        <v>338873.39476053708</v>
      </c>
      <c r="F33" s="48">
        <v>352441.70784053707</v>
      </c>
      <c r="G33" s="48">
        <v>368896.86124053708</v>
      </c>
      <c r="H33" s="48">
        <v>337994.05757390708</v>
      </c>
      <c r="I33" s="48">
        <v>333233.30978266709</v>
      </c>
      <c r="J33" s="48">
        <v>331611.3709035471</v>
      </c>
      <c r="K33" s="48">
        <v>331078.11762354709</v>
      </c>
      <c r="L33" s="48">
        <v>333696.11762354709</v>
      </c>
      <c r="M33" s="48">
        <v>340945.19539318705</v>
      </c>
      <c r="N33" s="48">
        <v>345705.9431844271</v>
      </c>
      <c r="O33" s="48">
        <v>347327.88206354703</v>
      </c>
      <c r="P33" s="48">
        <v>344441.04174354707</v>
      </c>
      <c r="Q33" s="48">
        <v>341823.04174354707</v>
      </c>
      <c r="R33" s="48">
        <v>337994.05757390708</v>
      </c>
      <c r="S33" s="48">
        <v>333233.30978266709</v>
      </c>
      <c r="T33" s="48">
        <v>331611.3709035471</v>
      </c>
      <c r="U33" s="48">
        <v>331078.11762354709</v>
      </c>
      <c r="V33" s="48">
        <v>331078.11762354709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858989.98815750936</v>
      </c>
      <c r="C35" s="47">
        <v>298296.14072999998</v>
      </c>
      <c r="D35" s="47">
        <v>311998.54692999995</v>
      </c>
      <c r="E35" s="47">
        <v>265839.59233999997</v>
      </c>
      <c r="F35" s="47">
        <v>249829.50999999998</v>
      </c>
      <c r="G35" s="47">
        <v>241987.55</v>
      </c>
      <c r="H35" s="47">
        <v>241987.55</v>
      </c>
      <c r="I35" s="47">
        <v>241987.55</v>
      </c>
      <c r="J35" s="47">
        <v>241987.55</v>
      </c>
      <c r="K35" s="47">
        <v>241987.55</v>
      </c>
      <c r="L35" s="47">
        <v>280487.55</v>
      </c>
      <c r="M35" s="47">
        <v>298296.14072999998</v>
      </c>
      <c r="N35" s="47">
        <v>311998.54692999995</v>
      </c>
      <c r="O35" s="47">
        <v>265839.59233999997</v>
      </c>
      <c r="P35" s="47">
        <v>249829.50999999998</v>
      </c>
      <c r="Q35" s="47">
        <v>241987.55</v>
      </c>
      <c r="R35" s="47">
        <v>241987.55</v>
      </c>
      <c r="S35" s="47">
        <v>241987.55</v>
      </c>
      <c r="T35" s="47">
        <v>241987.55</v>
      </c>
      <c r="U35" s="47">
        <v>241987.55</v>
      </c>
      <c r="V35" s="47">
        <v>232145.90433249064</v>
      </c>
    </row>
    <row r="36" spans="1:22">
      <c r="A36" s="49" t="s">
        <v>75</v>
      </c>
      <c r="B36" s="48">
        <v>822709.27249</v>
      </c>
      <c r="C36" s="48">
        <v>241987.55</v>
      </c>
      <c r="D36" s="48">
        <v>241987.55</v>
      </c>
      <c r="E36" s="48">
        <v>241987.55</v>
      </c>
      <c r="F36" s="48">
        <v>241987.55</v>
      </c>
      <c r="G36" s="48">
        <v>241987.55</v>
      </c>
      <c r="H36" s="48">
        <v>241987.55</v>
      </c>
      <c r="I36" s="48">
        <v>241987.55</v>
      </c>
      <c r="J36" s="48">
        <v>241987.55</v>
      </c>
      <c r="K36" s="48">
        <v>241987.55</v>
      </c>
      <c r="L36" s="48">
        <v>241987.55</v>
      </c>
      <c r="M36" s="48">
        <v>241987.55</v>
      </c>
      <c r="N36" s="48">
        <v>241987.55</v>
      </c>
      <c r="O36" s="48">
        <v>241987.55</v>
      </c>
      <c r="P36" s="48">
        <v>241987.55</v>
      </c>
      <c r="Q36" s="48">
        <v>241987.55</v>
      </c>
      <c r="R36" s="48">
        <v>241987.55</v>
      </c>
      <c r="S36" s="48">
        <v>241987.55</v>
      </c>
      <c r="T36" s="48">
        <v>241987.55</v>
      </c>
      <c r="U36" s="48">
        <v>241987.55</v>
      </c>
      <c r="V36" s="48">
        <v>241987.55</v>
      </c>
    </row>
    <row r="37" spans="1:22">
      <c r="A37" s="50" t="s">
        <v>76</v>
      </c>
      <c r="B37" s="42">
        <v>23100</v>
      </c>
      <c r="C37" s="42">
        <v>56308.590729999996</v>
      </c>
      <c r="D37" s="42">
        <v>70010.996929999994</v>
      </c>
      <c r="E37" s="42">
        <v>23852.04234</v>
      </c>
      <c r="F37" s="42">
        <v>7841.96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38500</v>
      </c>
      <c r="M37" s="42">
        <v>56308.590729999996</v>
      </c>
      <c r="N37" s="42">
        <v>70010.996929999994</v>
      </c>
      <c r="O37" s="42">
        <v>23852.04234</v>
      </c>
      <c r="P37" s="42">
        <v>7841.96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3339.0699999999997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9841.6456675093632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9841.6456675093632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20568.941750000002</v>
      </c>
      <c r="D41" s="46">
        <v>20568.941750000002</v>
      </c>
      <c r="E41" s="46">
        <v>20568.941750000002</v>
      </c>
      <c r="F41" s="46">
        <v>20568.941750000002</v>
      </c>
      <c r="G41" s="46">
        <v>20568.941750000002</v>
      </c>
      <c r="H41" s="46">
        <v>20568.941750000002</v>
      </c>
      <c r="I41" s="46">
        <v>20568.941750000002</v>
      </c>
      <c r="J41" s="46">
        <v>20568.941750000002</v>
      </c>
      <c r="K41" s="46">
        <v>20568.941750000002</v>
      </c>
      <c r="L41" s="46">
        <v>20568.941750000002</v>
      </c>
      <c r="M41" s="46">
        <v>20568.941750000002</v>
      </c>
      <c r="N41" s="46">
        <v>20568.941750000002</v>
      </c>
      <c r="O41" s="46">
        <v>20568.941750000002</v>
      </c>
      <c r="P41" s="46">
        <v>20568.941750000002</v>
      </c>
      <c r="Q41" s="46">
        <v>20568.941750000002</v>
      </c>
      <c r="R41" s="46">
        <v>20568.941750000002</v>
      </c>
      <c r="S41" s="46">
        <v>20568.941750000002</v>
      </c>
      <c r="T41" s="46">
        <v>20568.941750000002</v>
      </c>
      <c r="U41" s="46">
        <v>20568.941750000002</v>
      </c>
      <c r="V41" s="46">
        <v>536532.18494983332</v>
      </c>
    </row>
    <row r="42" spans="1:22">
      <c r="A42" s="41" t="s">
        <v>80</v>
      </c>
      <c r="B42" s="41"/>
      <c r="C42" s="47">
        <v>20568.941750000002</v>
      </c>
      <c r="D42" s="47">
        <v>20568.941750000002</v>
      </c>
      <c r="E42" s="47">
        <v>20568.941750000002</v>
      </c>
      <c r="F42" s="47">
        <v>20568.941750000002</v>
      </c>
      <c r="G42" s="47">
        <v>20568.941750000002</v>
      </c>
      <c r="H42" s="47">
        <v>20568.941750000002</v>
      </c>
      <c r="I42" s="47">
        <v>20568.941750000002</v>
      </c>
      <c r="J42" s="47">
        <v>20568.941750000002</v>
      </c>
      <c r="K42" s="47">
        <v>20568.941750000002</v>
      </c>
      <c r="L42" s="47">
        <v>20568.941750000002</v>
      </c>
      <c r="M42" s="47">
        <v>20568.941750000002</v>
      </c>
      <c r="N42" s="47">
        <v>20568.941750000002</v>
      </c>
      <c r="O42" s="47">
        <v>20568.941750000002</v>
      </c>
      <c r="P42" s="47">
        <v>20568.941750000002</v>
      </c>
      <c r="Q42" s="47">
        <v>20568.941750000002</v>
      </c>
      <c r="R42" s="47">
        <v>20568.941750000002</v>
      </c>
      <c r="S42" s="47">
        <v>20568.941750000002</v>
      </c>
      <c r="T42" s="47">
        <v>20568.941750000002</v>
      </c>
      <c r="U42" s="47">
        <v>20568.941750000002</v>
      </c>
      <c r="V42" s="47">
        <v>534751.34761649999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6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1780.8373333333332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858989.98815750936</v>
      </c>
      <c r="C45" s="53">
        <v>21853.202310177094</v>
      </c>
      <c r="D45" s="53">
        <v>29366.697301417127</v>
      </c>
      <c r="E45" s="53">
        <v>93602.744170537102</v>
      </c>
      <c r="F45" s="53">
        <v>123181.13959053709</v>
      </c>
      <c r="G45" s="53">
        <v>147478.25299053709</v>
      </c>
      <c r="H45" s="53">
        <v>116575.44932390709</v>
      </c>
      <c r="I45" s="53">
        <v>111814.7015326671</v>
      </c>
      <c r="J45" s="53">
        <v>110192.76265354711</v>
      </c>
      <c r="K45" s="53">
        <v>109659.5093735471</v>
      </c>
      <c r="L45" s="53">
        <v>73777.509373547102</v>
      </c>
      <c r="M45" s="53">
        <v>63217.996413187066</v>
      </c>
      <c r="N45" s="53">
        <v>54276.338004427147</v>
      </c>
      <c r="O45" s="53">
        <v>102057.23147354706</v>
      </c>
      <c r="P45" s="53">
        <v>115180.47349354709</v>
      </c>
      <c r="Q45" s="53">
        <v>120404.43349354708</v>
      </c>
      <c r="R45" s="53">
        <v>116575.44932390709</v>
      </c>
      <c r="S45" s="53">
        <v>111814.7015326671</v>
      </c>
      <c r="T45" s="53">
        <v>110192.76265354711</v>
      </c>
      <c r="U45" s="53">
        <v>109659.5093735471</v>
      </c>
      <c r="V45" s="53">
        <v>635464.39824088977</v>
      </c>
    </row>
    <row r="46" spans="1:22">
      <c r="A46" s="41"/>
      <c r="B46" s="47"/>
      <c r="C46" s="47"/>
      <c r="D46" s="47"/>
      <c r="E46" s="47"/>
      <c r="F46" s="47"/>
      <c r="G46" s="47"/>
      <c r="H46" s="47"/>
      <c r="I46" s="47"/>
      <c r="J46" s="47"/>
      <c r="K46" s="47"/>
      <c r="L46" s="47"/>
      <c r="M46" s="47"/>
      <c r="N46" s="47"/>
      <c r="O46" s="47"/>
      <c r="P46" s="47"/>
      <c r="Q46" s="47"/>
      <c r="R46" s="47"/>
      <c r="S46" s="47"/>
      <c r="T46" s="47"/>
      <c r="U46" s="47"/>
      <c r="V46" s="47"/>
    </row>
    <row r="47" spans="1:22">
      <c r="A47" s="40"/>
      <c r="B47" s="54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139366.02065283334</v>
      </c>
      <c r="D55" s="60">
        <v>201765.73003883331</v>
      </c>
      <c r="E55" s="60">
        <v>254933.64850683333</v>
      </c>
      <c r="F55" s="60">
        <v>304899.5505068333</v>
      </c>
      <c r="G55" s="60">
        <v>353297.06050683331</v>
      </c>
      <c r="H55" s="60">
        <v>262406.46148733335</v>
      </c>
      <c r="I55" s="60">
        <v>248404.26210133333</v>
      </c>
      <c r="J55" s="60">
        <v>243633.85363333332</v>
      </c>
      <c r="K55" s="60">
        <v>242065.46163333333</v>
      </c>
      <c r="L55" s="60">
        <v>249765.46163333333</v>
      </c>
      <c r="M55" s="60">
        <v>261027.17977933332</v>
      </c>
      <c r="N55" s="60">
        <v>275029.37916533335</v>
      </c>
      <c r="O55" s="60">
        <v>279799.78763333336</v>
      </c>
      <c r="P55" s="60">
        <v>281368.17963333335</v>
      </c>
      <c r="Q55" s="60">
        <v>273668.17963333335</v>
      </c>
      <c r="R55" s="60">
        <v>262406.46148733335</v>
      </c>
      <c r="S55" s="60">
        <v>248404.26210133333</v>
      </c>
      <c r="T55" s="60">
        <v>243633.85363333332</v>
      </c>
      <c r="U55" s="60">
        <v>242065.46163333333</v>
      </c>
      <c r="V55" s="61">
        <v>242065.46163333333</v>
      </c>
    </row>
    <row r="56" spans="1:22">
      <c r="A56" s="62" t="s">
        <v>84</v>
      </c>
      <c r="B56" s="63"/>
      <c r="C56" s="64">
        <v>123406.3908735</v>
      </c>
      <c r="D56" s="65">
        <v>171803.90087349998</v>
      </c>
      <c r="E56" s="65">
        <v>220201.41087349999</v>
      </c>
      <c r="F56" s="65">
        <v>268598.9208735</v>
      </c>
      <c r="G56" s="65">
        <v>316996.43087350001</v>
      </c>
      <c r="H56" s="65">
        <v>241987.55</v>
      </c>
      <c r="I56" s="65">
        <v>241987.55</v>
      </c>
      <c r="J56" s="65">
        <v>241987.55</v>
      </c>
      <c r="K56" s="65">
        <v>241987.55</v>
      </c>
      <c r="L56" s="65">
        <v>241987.55</v>
      </c>
      <c r="M56" s="65">
        <v>241987.55</v>
      </c>
      <c r="N56" s="65">
        <v>241987.55</v>
      </c>
      <c r="O56" s="65">
        <v>241987.55</v>
      </c>
      <c r="P56" s="65">
        <v>241987.55</v>
      </c>
      <c r="Q56" s="65">
        <v>241987.55</v>
      </c>
      <c r="R56" s="65">
        <v>241987.55</v>
      </c>
      <c r="S56" s="65">
        <v>241987.55</v>
      </c>
      <c r="T56" s="65">
        <v>241987.55</v>
      </c>
      <c r="U56" s="65">
        <v>241987.55</v>
      </c>
      <c r="V56" s="66">
        <v>241987.55</v>
      </c>
    </row>
    <row r="57" spans="1:22">
      <c r="A57" s="67" t="s">
        <v>85</v>
      </c>
      <c r="B57" s="41"/>
      <c r="C57" s="68">
        <v>77.911633333333327</v>
      </c>
      <c r="D57" s="42">
        <v>77.911633333333327</v>
      </c>
      <c r="E57" s="42">
        <v>77.911633333333327</v>
      </c>
      <c r="F57" s="42">
        <v>77.911633333333327</v>
      </c>
      <c r="G57" s="42">
        <v>77.911633333333327</v>
      </c>
      <c r="H57" s="42">
        <v>77.911633333333327</v>
      </c>
      <c r="I57" s="42">
        <v>77.911633333333327</v>
      </c>
      <c r="J57" s="42">
        <v>77.911633333333327</v>
      </c>
      <c r="K57" s="42">
        <v>77.911633333333327</v>
      </c>
      <c r="L57" s="42">
        <v>77.911633333333327</v>
      </c>
      <c r="M57" s="42">
        <v>77.911633333333327</v>
      </c>
      <c r="N57" s="42">
        <v>77.911633333333327</v>
      </c>
      <c r="O57" s="42">
        <v>77.911633333333327</v>
      </c>
      <c r="P57" s="42">
        <v>77.911633333333327</v>
      </c>
      <c r="Q57" s="42">
        <v>77.911633333333327</v>
      </c>
      <c r="R57" s="42">
        <v>77.911633333333327</v>
      </c>
      <c r="S57" s="42">
        <v>77.911633333333327</v>
      </c>
      <c r="T57" s="42">
        <v>77.911633333333327</v>
      </c>
      <c r="U57" s="42">
        <v>77.911633333333327</v>
      </c>
      <c r="V57" s="69">
        <v>77.911633333333327</v>
      </c>
    </row>
    <row r="58" spans="1:22">
      <c r="A58" s="70" t="s">
        <v>86</v>
      </c>
      <c r="B58" s="71"/>
      <c r="C58" s="72">
        <v>15881.718145999999</v>
      </c>
      <c r="D58" s="73">
        <v>29883.917531999999</v>
      </c>
      <c r="E58" s="73">
        <v>34654.326000000001</v>
      </c>
      <c r="F58" s="73">
        <v>36222.718000000001</v>
      </c>
      <c r="G58" s="73">
        <v>36222.718000000001</v>
      </c>
      <c r="H58" s="73">
        <v>20340.999853999998</v>
      </c>
      <c r="I58" s="73">
        <v>6338.8004679999995</v>
      </c>
      <c r="J58" s="73">
        <v>1568.3920000000001</v>
      </c>
      <c r="K58" s="73">
        <v>0</v>
      </c>
      <c r="L58" s="73">
        <v>7700</v>
      </c>
      <c r="M58" s="73">
        <v>18961.718145999999</v>
      </c>
      <c r="N58" s="73">
        <v>32963.917531999999</v>
      </c>
      <c r="O58" s="73">
        <v>37734.326000000001</v>
      </c>
      <c r="P58" s="73">
        <v>39302.718000000001</v>
      </c>
      <c r="Q58" s="73">
        <v>31602.718000000001</v>
      </c>
      <c r="R58" s="73">
        <v>20340.999853999998</v>
      </c>
      <c r="S58" s="73">
        <v>6338.8004679999995</v>
      </c>
      <c r="T58" s="73">
        <v>1568.3920000000001</v>
      </c>
      <c r="U58" s="73">
        <v>0</v>
      </c>
      <c r="V58" s="74">
        <v>0</v>
      </c>
    </row>
    <row r="88" spans="11:11" ht="12.75">
      <c r="K88" s="161" t="s">
        <v>166</v>
      </c>
    </row>
    <row r="89" spans="11:11" ht="12.75">
      <c r="K89" s="161"/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>
  <sheetPr codeName="Plan8"/>
  <dimension ref="A1:X88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3.570312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23.25" customHeight="1">
      <c r="A1" s="158" t="s">
        <v>87</v>
      </c>
    </row>
    <row r="4" spans="1:22" ht="18">
      <c r="A4" s="158" t="s">
        <v>153</v>
      </c>
    </row>
    <row r="5" spans="1:22" ht="15.75">
      <c r="A5" s="166" t="s">
        <v>45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0">
        <v>13531.653819642892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8863.3053828593274</v>
      </c>
    </row>
    <row r="11" spans="1:22" ht="12.75">
      <c r="A11" s="167" t="s">
        <v>60</v>
      </c>
      <c r="B11" s="168"/>
      <c r="C11" s="175">
        <v>2129.7622289999999</v>
      </c>
    </row>
    <row r="12" spans="1:22" ht="12.75">
      <c r="A12" s="167" t="s">
        <v>61</v>
      </c>
      <c r="B12" s="168"/>
      <c r="C12" s="176">
        <v>6733.5431538593275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1623798.4583571469</v>
      </c>
      <c r="D17" s="42">
        <v>1623798.4583571469</v>
      </c>
      <c r="E17" s="42">
        <v>1623798.4583571469</v>
      </c>
      <c r="F17" s="42">
        <v>1623798.4583571469</v>
      </c>
      <c r="G17" s="42">
        <v>1623798.4583571469</v>
      </c>
      <c r="H17" s="42">
        <v>1623798.4583571469</v>
      </c>
      <c r="I17" s="42">
        <v>1623798.4583571469</v>
      </c>
      <c r="J17" s="42">
        <v>1623798.4583571469</v>
      </c>
      <c r="K17" s="42">
        <v>1623798.4583571469</v>
      </c>
      <c r="L17" s="42">
        <v>1623798.4583571469</v>
      </c>
      <c r="M17" s="42">
        <v>1623798.4583571469</v>
      </c>
      <c r="N17" s="42">
        <v>1623798.4583571469</v>
      </c>
      <c r="O17" s="42">
        <v>1623798.4583571469</v>
      </c>
      <c r="P17" s="42">
        <v>1623798.4583571469</v>
      </c>
      <c r="Q17" s="42">
        <v>1623798.4583571469</v>
      </c>
      <c r="R17" s="42">
        <v>1623798.4583571469</v>
      </c>
      <c r="S17" s="42">
        <v>1623798.4583571469</v>
      </c>
      <c r="T17" s="42">
        <v>1623798.4583571469</v>
      </c>
      <c r="U17" s="42">
        <v>1623798.4583571469</v>
      </c>
      <c r="V17" s="42">
        <v>1623798.4583571469</v>
      </c>
    </row>
    <row r="18" spans="1:22">
      <c r="A18" s="45" t="s">
        <v>65</v>
      </c>
      <c r="B18" s="45"/>
      <c r="C18" s="46">
        <v>32475.969167142939</v>
      </c>
      <c r="D18" s="46">
        <v>32475.969167142939</v>
      </c>
      <c r="E18" s="46">
        <v>32475.969167142939</v>
      </c>
      <c r="F18" s="46">
        <v>32475.969167142939</v>
      </c>
      <c r="G18" s="46">
        <v>32475.969167142939</v>
      </c>
      <c r="H18" s="46">
        <v>32475.969167142939</v>
      </c>
      <c r="I18" s="46">
        <v>32475.969167142939</v>
      </c>
      <c r="J18" s="46">
        <v>32475.969167142939</v>
      </c>
      <c r="K18" s="46">
        <v>32475.969167142939</v>
      </c>
      <c r="L18" s="46">
        <v>32475.969167142939</v>
      </c>
      <c r="M18" s="46">
        <v>32475.969167142939</v>
      </c>
      <c r="N18" s="46">
        <v>32475.969167142939</v>
      </c>
      <c r="O18" s="46">
        <v>32475.969167142939</v>
      </c>
      <c r="P18" s="46">
        <v>32475.969167142939</v>
      </c>
      <c r="Q18" s="46">
        <v>32475.969167142939</v>
      </c>
      <c r="R18" s="46">
        <v>32475.969167142939</v>
      </c>
      <c r="S18" s="46">
        <v>32475.969167142939</v>
      </c>
      <c r="T18" s="46">
        <v>32475.969167142939</v>
      </c>
      <c r="U18" s="46">
        <v>32475.969167142939</v>
      </c>
      <c r="V18" s="46">
        <v>32475.969167142939</v>
      </c>
    </row>
    <row r="19" spans="1:22">
      <c r="A19" s="41" t="s">
        <v>66</v>
      </c>
      <c r="B19" s="41"/>
      <c r="C19" s="47">
        <v>1591322.4891900041</v>
      </c>
      <c r="D19" s="47">
        <v>1591322.4891900041</v>
      </c>
      <c r="E19" s="47">
        <v>1591322.4891900041</v>
      </c>
      <c r="F19" s="47">
        <v>1591322.4891900041</v>
      </c>
      <c r="G19" s="47">
        <v>1591322.4891900041</v>
      </c>
      <c r="H19" s="47">
        <v>1591322.4891900041</v>
      </c>
      <c r="I19" s="47">
        <v>1591322.4891900041</v>
      </c>
      <c r="J19" s="47">
        <v>1591322.4891900041</v>
      </c>
      <c r="K19" s="47">
        <v>1591322.4891900041</v>
      </c>
      <c r="L19" s="47">
        <v>1591322.4891900041</v>
      </c>
      <c r="M19" s="47">
        <v>1591322.4891900041</v>
      </c>
      <c r="N19" s="47">
        <v>1591322.4891900041</v>
      </c>
      <c r="O19" s="47">
        <v>1591322.4891900041</v>
      </c>
      <c r="P19" s="47">
        <v>1591322.4891900041</v>
      </c>
      <c r="Q19" s="47">
        <v>1591322.4891900041</v>
      </c>
      <c r="R19" s="47">
        <v>1591322.4891900041</v>
      </c>
      <c r="S19" s="47">
        <v>1591322.4891900041</v>
      </c>
      <c r="T19" s="47">
        <v>1591322.4891900041</v>
      </c>
      <c r="U19" s="47">
        <v>1591322.4891900041</v>
      </c>
      <c r="V19" s="47">
        <v>1591322.4891900041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070599.8459431191</v>
      </c>
      <c r="D21" s="46">
        <v>1070599.8459431191</v>
      </c>
      <c r="E21" s="46">
        <v>1070599.8459431191</v>
      </c>
      <c r="F21" s="46">
        <v>1078002.6459431192</v>
      </c>
      <c r="G21" s="46">
        <v>1078002.6459431192</v>
      </c>
      <c r="H21" s="46">
        <v>1078002.6459431192</v>
      </c>
      <c r="I21" s="46">
        <v>1078002.6459431192</v>
      </c>
      <c r="J21" s="46">
        <v>1078002.6459431192</v>
      </c>
      <c r="K21" s="46">
        <v>1078002.6459431192</v>
      </c>
      <c r="L21" s="46">
        <v>1078002.6459431192</v>
      </c>
      <c r="M21" s="48">
        <v>1070599.8459431191</v>
      </c>
      <c r="N21" s="48">
        <v>1070599.8459431191</v>
      </c>
      <c r="O21" s="48">
        <v>1070599.8459431191</v>
      </c>
      <c r="P21" s="48">
        <v>1078002.6459431192</v>
      </c>
      <c r="Q21" s="48">
        <v>1078002.6459431192</v>
      </c>
      <c r="R21" s="48">
        <v>1078002.6459431192</v>
      </c>
      <c r="S21" s="48">
        <v>1078002.6459431192</v>
      </c>
      <c r="T21" s="48">
        <v>1078002.6459431192</v>
      </c>
      <c r="U21" s="48">
        <v>1078002.6459431192</v>
      </c>
      <c r="V21" s="48">
        <v>1078002.6459431192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211834.22260408339</v>
      </c>
      <c r="D23" s="42">
        <v>290454.15458408336</v>
      </c>
      <c r="E23" s="42">
        <v>355885.81382408342</v>
      </c>
      <c r="F23" s="42">
        <v>416743.1638240834</v>
      </c>
      <c r="G23" s="42">
        <v>475359.95382408338</v>
      </c>
      <c r="H23" s="42">
        <v>322253.82355333335</v>
      </c>
      <c r="I23" s="42">
        <v>302250.68157333339</v>
      </c>
      <c r="J23" s="42">
        <v>295435.81233333336</v>
      </c>
      <c r="K23" s="42">
        <v>293195.25233333337</v>
      </c>
      <c r="L23" s="42">
        <v>304195.25233333337</v>
      </c>
      <c r="M23" s="42">
        <v>320283.42111333337</v>
      </c>
      <c r="N23" s="42">
        <v>340286.56309333339</v>
      </c>
      <c r="O23" s="42">
        <v>347101.43233333336</v>
      </c>
      <c r="P23" s="42">
        <v>349341.99233333336</v>
      </c>
      <c r="Q23" s="42">
        <v>338341.99233333336</v>
      </c>
      <c r="R23" s="42">
        <v>322253.82355333335</v>
      </c>
      <c r="S23" s="42">
        <v>302250.68157333339</v>
      </c>
      <c r="T23" s="42">
        <v>295435.81233333336</v>
      </c>
      <c r="U23" s="42">
        <v>293195.25233333337</v>
      </c>
      <c r="V23" s="42">
        <v>293195.25233333337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308888.42064280156</v>
      </c>
      <c r="D25" s="48">
        <v>230268.48866280157</v>
      </c>
      <c r="E25" s="48">
        <v>164836.8294228015</v>
      </c>
      <c r="F25" s="48">
        <v>96576.679422801477</v>
      </c>
      <c r="G25" s="48">
        <v>37959.889422801498</v>
      </c>
      <c r="H25" s="48">
        <v>191066.01969355153</v>
      </c>
      <c r="I25" s="48">
        <v>211069.16167355148</v>
      </c>
      <c r="J25" s="48">
        <v>217884.03091355151</v>
      </c>
      <c r="K25" s="48">
        <v>220124.59091355151</v>
      </c>
      <c r="L25" s="48">
        <v>209124.59091355151</v>
      </c>
      <c r="M25" s="48">
        <v>200439.22213355155</v>
      </c>
      <c r="N25" s="48">
        <v>180436.08015355153</v>
      </c>
      <c r="O25" s="48">
        <v>173621.21091355156</v>
      </c>
      <c r="P25" s="48">
        <v>163977.85091355152</v>
      </c>
      <c r="Q25" s="48">
        <v>174977.85091355152</v>
      </c>
      <c r="R25" s="48">
        <v>191066.01969355153</v>
      </c>
      <c r="S25" s="48">
        <v>211069.16167355148</v>
      </c>
      <c r="T25" s="48">
        <v>217884.03091355151</v>
      </c>
      <c r="U25" s="48">
        <v>220124.59091355151</v>
      </c>
      <c r="V25" s="48">
        <v>220124.59091355151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05022.06301855254</v>
      </c>
      <c r="D27" s="42">
        <v>78291.28614535254</v>
      </c>
      <c r="E27" s="42">
        <v>56044.522003752514</v>
      </c>
      <c r="F27" s="42">
        <v>32836.071003752506</v>
      </c>
      <c r="G27" s="42">
        <v>12906.36240375251</v>
      </c>
      <c r="H27" s="42">
        <v>64962.446695807521</v>
      </c>
      <c r="I27" s="42">
        <v>71763.514969007505</v>
      </c>
      <c r="J27" s="42">
        <v>74080.570510607518</v>
      </c>
      <c r="K27" s="42">
        <v>74842.360910607516</v>
      </c>
      <c r="L27" s="42">
        <v>71102.360910607516</v>
      </c>
      <c r="M27" s="42">
        <v>68149.335525407529</v>
      </c>
      <c r="N27" s="42">
        <v>61348.267252207523</v>
      </c>
      <c r="O27" s="42">
        <v>59031.211710607538</v>
      </c>
      <c r="P27" s="42">
        <v>55752.469310607521</v>
      </c>
      <c r="Q27" s="42">
        <v>59492.469310607521</v>
      </c>
      <c r="R27" s="42">
        <v>64962.446695807521</v>
      </c>
      <c r="S27" s="42">
        <v>71763.514969007505</v>
      </c>
      <c r="T27" s="42">
        <v>74080.570510607518</v>
      </c>
      <c r="U27" s="42">
        <v>74842.360910607516</v>
      </c>
      <c r="V27" s="42">
        <v>74842.360910607516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203866.35762424901</v>
      </c>
      <c r="D29" s="48">
        <v>151977.20251744904</v>
      </c>
      <c r="E29" s="48">
        <v>108792.30741904899</v>
      </c>
      <c r="F29" s="48">
        <v>63740.608419048971</v>
      </c>
      <c r="G29" s="48">
        <v>25053.52701904899</v>
      </c>
      <c r="H29" s="48">
        <v>126103.57299774401</v>
      </c>
      <c r="I29" s="48">
        <v>139305.64670454396</v>
      </c>
      <c r="J29" s="48">
        <v>143803.46040294401</v>
      </c>
      <c r="K29" s="48">
        <v>145282.23000294401</v>
      </c>
      <c r="L29" s="48">
        <v>138022.23000294401</v>
      </c>
      <c r="M29" s="48">
        <v>132289.88660814404</v>
      </c>
      <c r="N29" s="48">
        <v>119087.812901344</v>
      </c>
      <c r="O29" s="48">
        <v>114589.99920294402</v>
      </c>
      <c r="P29" s="48">
        <v>108225.38160294399</v>
      </c>
      <c r="Q29" s="48">
        <v>115485.38160294399</v>
      </c>
      <c r="R29" s="48">
        <v>126103.57299774401</v>
      </c>
      <c r="S29" s="48">
        <v>139305.64670454396</v>
      </c>
      <c r="T29" s="48">
        <v>143803.46040294401</v>
      </c>
      <c r="U29" s="48">
        <v>145282.23000294401</v>
      </c>
      <c r="V29" s="48">
        <v>145282.23000294401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211834.22260408339</v>
      </c>
      <c r="D31" s="42">
        <v>290454.15458408336</v>
      </c>
      <c r="E31" s="42">
        <v>355885.81382408342</v>
      </c>
      <c r="F31" s="42">
        <v>416743.1638240834</v>
      </c>
      <c r="G31" s="42">
        <v>475359.95382408338</v>
      </c>
      <c r="H31" s="42">
        <v>322253.82355333335</v>
      </c>
      <c r="I31" s="42">
        <v>302250.68157333339</v>
      </c>
      <c r="J31" s="42">
        <v>295435.81233333336</v>
      </c>
      <c r="K31" s="42">
        <v>293195.25233333337</v>
      </c>
      <c r="L31" s="42">
        <v>304195.25233333337</v>
      </c>
      <c r="M31" s="42">
        <v>320283.42111333337</v>
      </c>
      <c r="N31" s="42">
        <v>340286.56309333339</v>
      </c>
      <c r="O31" s="42">
        <v>347101.43233333336</v>
      </c>
      <c r="P31" s="42">
        <v>349341.99233333336</v>
      </c>
      <c r="Q31" s="42">
        <v>338341.99233333336</v>
      </c>
      <c r="R31" s="42">
        <v>322253.82355333335</v>
      </c>
      <c r="S31" s="42">
        <v>302250.68157333339</v>
      </c>
      <c r="T31" s="42">
        <v>295435.81233333336</v>
      </c>
      <c r="U31" s="42">
        <v>293195.25233333337</v>
      </c>
      <c r="V31" s="42">
        <v>293195.25233333337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415700.58022833243</v>
      </c>
      <c r="D33" s="48">
        <v>442431.3571015324</v>
      </c>
      <c r="E33" s="48">
        <v>464678.12124313239</v>
      </c>
      <c r="F33" s="48">
        <v>480483.77224313235</v>
      </c>
      <c r="G33" s="48">
        <v>500413.48084313236</v>
      </c>
      <c r="H33" s="48">
        <v>448357.39655107737</v>
      </c>
      <c r="I33" s="48">
        <v>441556.32827787736</v>
      </c>
      <c r="J33" s="48">
        <v>439239.27273627737</v>
      </c>
      <c r="K33" s="48">
        <v>438477.48233627737</v>
      </c>
      <c r="L33" s="48">
        <v>442217.48233627737</v>
      </c>
      <c r="M33" s="48">
        <v>452573.30772147741</v>
      </c>
      <c r="N33" s="48">
        <v>459374.37599467742</v>
      </c>
      <c r="O33" s="48">
        <v>461691.43153627741</v>
      </c>
      <c r="P33" s="48">
        <v>457567.37393627735</v>
      </c>
      <c r="Q33" s="48">
        <v>453827.37393627735</v>
      </c>
      <c r="R33" s="48">
        <v>448357.39655107737</v>
      </c>
      <c r="S33" s="48">
        <v>441556.32827787736</v>
      </c>
      <c r="T33" s="48">
        <v>439239.27273627737</v>
      </c>
      <c r="U33" s="48">
        <v>438477.48233627737</v>
      </c>
      <c r="V33" s="48">
        <v>438477.48233627737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1312667.5279192899</v>
      </c>
      <c r="C35" s="47">
        <v>373524.79389999999</v>
      </c>
      <c r="D35" s="47">
        <v>393099.65989999997</v>
      </c>
      <c r="E35" s="47">
        <v>327158.29619999998</v>
      </c>
      <c r="F35" s="47">
        <v>304286.75</v>
      </c>
      <c r="G35" s="47">
        <v>293083.95</v>
      </c>
      <c r="H35" s="47">
        <v>293083.95</v>
      </c>
      <c r="I35" s="47">
        <v>293083.95</v>
      </c>
      <c r="J35" s="47">
        <v>293083.95</v>
      </c>
      <c r="K35" s="47">
        <v>293083.95</v>
      </c>
      <c r="L35" s="47">
        <v>348083.95</v>
      </c>
      <c r="M35" s="47">
        <v>373524.79389999999</v>
      </c>
      <c r="N35" s="47">
        <v>393099.65989999997</v>
      </c>
      <c r="O35" s="47">
        <v>327158.29619999998</v>
      </c>
      <c r="P35" s="47">
        <v>304286.75</v>
      </c>
      <c r="Q35" s="47">
        <v>293083.95</v>
      </c>
      <c r="R35" s="47">
        <v>293083.95</v>
      </c>
      <c r="S35" s="47">
        <v>293083.95</v>
      </c>
      <c r="T35" s="47">
        <v>293083.95</v>
      </c>
      <c r="U35" s="47">
        <v>293083.95</v>
      </c>
      <c r="V35" s="47">
        <v>278418.19868571073</v>
      </c>
    </row>
    <row r="36" spans="1:22">
      <c r="A36" s="49" t="s">
        <v>75</v>
      </c>
      <c r="B36" s="48">
        <v>1260231.6766050004</v>
      </c>
      <c r="C36" s="48">
        <v>293083.95</v>
      </c>
      <c r="D36" s="48">
        <v>293083.95</v>
      </c>
      <c r="E36" s="48">
        <v>293083.95</v>
      </c>
      <c r="F36" s="48">
        <v>293083.95</v>
      </c>
      <c r="G36" s="48">
        <v>293083.95</v>
      </c>
      <c r="H36" s="48">
        <v>293083.95</v>
      </c>
      <c r="I36" s="48">
        <v>293083.95</v>
      </c>
      <c r="J36" s="48">
        <v>293083.95</v>
      </c>
      <c r="K36" s="48">
        <v>293083.95</v>
      </c>
      <c r="L36" s="48">
        <v>293083.95</v>
      </c>
      <c r="M36" s="48">
        <v>293083.95</v>
      </c>
      <c r="N36" s="48">
        <v>293083.95</v>
      </c>
      <c r="O36" s="48">
        <v>293083.95</v>
      </c>
      <c r="P36" s="48">
        <v>293083.95</v>
      </c>
      <c r="Q36" s="48">
        <v>293083.95</v>
      </c>
      <c r="R36" s="48">
        <v>293083.95</v>
      </c>
      <c r="S36" s="48">
        <v>293083.95</v>
      </c>
      <c r="T36" s="48">
        <v>293083.95</v>
      </c>
      <c r="U36" s="48">
        <v>293083.95</v>
      </c>
      <c r="V36" s="48">
        <v>293083.95</v>
      </c>
    </row>
    <row r="37" spans="1:22">
      <c r="A37" s="50" t="s">
        <v>76</v>
      </c>
      <c r="B37" s="42">
        <v>33000</v>
      </c>
      <c r="C37" s="42">
        <v>80440.843899999993</v>
      </c>
      <c r="D37" s="42">
        <v>100015.70989999999</v>
      </c>
      <c r="E37" s="42">
        <v>34074.346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00015.70989999999</v>
      </c>
      <c r="O37" s="42">
        <v>34074.346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14665.751314289302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14665.751314289302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12456.067875000001</v>
      </c>
      <c r="D41" s="46">
        <v>12456.067875000001</v>
      </c>
      <c r="E41" s="46">
        <v>12456.067875000001</v>
      </c>
      <c r="F41" s="46">
        <v>12456.067875000001</v>
      </c>
      <c r="G41" s="46">
        <v>12456.067875000001</v>
      </c>
      <c r="H41" s="46">
        <v>12456.067875000001</v>
      </c>
      <c r="I41" s="46">
        <v>12456.067875000001</v>
      </c>
      <c r="J41" s="46">
        <v>12456.067875000001</v>
      </c>
      <c r="K41" s="46">
        <v>12456.067875000001</v>
      </c>
      <c r="L41" s="46">
        <v>12456.067875000001</v>
      </c>
      <c r="M41" s="46">
        <v>12456.067875000001</v>
      </c>
      <c r="N41" s="46">
        <v>12456.067875000001</v>
      </c>
      <c r="O41" s="46">
        <v>12456.067875000001</v>
      </c>
      <c r="P41" s="46">
        <v>12456.067875000001</v>
      </c>
      <c r="Q41" s="46">
        <v>12456.067875000001</v>
      </c>
      <c r="R41" s="46">
        <v>12456.067875000001</v>
      </c>
      <c r="S41" s="46">
        <v>12456.067875000001</v>
      </c>
      <c r="T41" s="46">
        <v>12456.067875000001</v>
      </c>
      <c r="U41" s="46">
        <v>12456.067875000001</v>
      </c>
      <c r="V41" s="46">
        <v>849531.75669758336</v>
      </c>
    </row>
    <row r="42" spans="1:22">
      <c r="A42" s="41" t="s">
        <v>80</v>
      </c>
      <c r="B42" s="41"/>
      <c r="C42" s="47">
        <v>12456.067875000001</v>
      </c>
      <c r="D42" s="47">
        <v>12456.067875000001</v>
      </c>
      <c r="E42" s="47">
        <v>12456.067875000001</v>
      </c>
      <c r="F42" s="47">
        <v>12456.067875000001</v>
      </c>
      <c r="G42" s="47">
        <v>12456.067875000001</v>
      </c>
      <c r="H42" s="47">
        <v>12456.067875000001</v>
      </c>
      <c r="I42" s="47">
        <v>12456.067875000001</v>
      </c>
      <c r="J42" s="47">
        <v>12456.067875000001</v>
      </c>
      <c r="K42" s="47">
        <v>12456.067875000001</v>
      </c>
      <c r="L42" s="47">
        <v>12456.067875000001</v>
      </c>
      <c r="M42" s="47">
        <v>12456.067875000001</v>
      </c>
      <c r="N42" s="47">
        <v>12456.067875000001</v>
      </c>
      <c r="O42" s="47">
        <v>12456.067875000001</v>
      </c>
      <c r="P42" s="47">
        <v>12456.067875000001</v>
      </c>
      <c r="Q42" s="47">
        <v>12456.067875000001</v>
      </c>
      <c r="R42" s="47">
        <v>12456.067875000001</v>
      </c>
      <c r="S42" s="47">
        <v>12456.067875000001</v>
      </c>
      <c r="T42" s="47">
        <v>12456.067875000001</v>
      </c>
      <c r="U42" s="47">
        <v>12456.067875000001</v>
      </c>
      <c r="V42" s="47">
        <v>846987.70336425002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5">
        <v>0</v>
      </c>
      <c r="O43" s="45">
        <v>0</v>
      </c>
      <c r="P43" s="45">
        <v>0</v>
      </c>
      <c r="Q43" s="48">
        <v>0</v>
      </c>
      <c r="R43" s="48">
        <v>0</v>
      </c>
      <c r="S43" s="48">
        <v>0</v>
      </c>
      <c r="T43" s="48">
        <v>0</v>
      </c>
      <c r="U43" s="48">
        <v>0</v>
      </c>
      <c r="V43" s="48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1312667.5279192899</v>
      </c>
      <c r="C45" s="53">
        <v>54631.854203332441</v>
      </c>
      <c r="D45" s="53">
        <v>61787.765076532429</v>
      </c>
      <c r="E45" s="53">
        <v>149975.89291813242</v>
      </c>
      <c r="F45" s="53">
        <v>188653.09011813236</v>
      </c>
      <c r="G45" s="53">
        <v>219785.59871813236</v>
      </c>
      <c r="H45" s="53">
        <v>167729.51442607737</v>
      </c>
      <c r="I45" s="53">
        <v>160928.44615287735</v>
      </c>
      <c r="J45" s="53">
        <v>158611.39061127737</v>
      </c>
      <c r="K45" s="53">
        <v>157849.60021127737</v>
      </c>
      <c r="L45" s="53">
        <v>106589.60021127737</v>
      </c>
      <c r="M45" s="53">
        <v>91504.581696477428</v>
      </c>
      <c r="N45" s="53">
        <v>78730.783969677461</v>
      </c>
      <c r="O45" s="53">
        <v>146989.20321127743</v>
      </c>
      <c r="P45" s="53">
        <v>165736.69181127736</v>
      </c>
      <c r="Q45" s="53">
        <v>173199.49181127734</v>
      </c>
      <c r="R45" s="53">
        <v>167729.51442607737</v>
      </c>
      <c r="S45" s="53">
        <v>160928.44615287735</v>
      </c>
      <c r="T45" s="53">
        <v>158611.39061127737</v>
      </c>
      <c r="U45" s="53">
        <v>157849.60021127737</v>
      </c>
      <c r="V45" s="53">
        <v>1009591.0403481501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211834.22260408339</v>
      </c>
      <c r="D55" s="60">
        <v>290454.15458408336</v>
      </c>
      <c r="E55" s="60">
        <v>355885.81382408342</v>
      </c>
      <c r="F55" s="60">
        <v>416743.1638240834</v>
      </c>
      <c r="G55" s="60">
        <v>475359.95382408338</v>
      </c>
      <c r="H55" s="60">
        <v>322253.82355333335</v>
      </c>
      <c r="I55" s="60">
        <v>302250.68157333339</v>
      </c>
      <c r="J55" s="60">
        <v>295435.81233333336</v>
      </c>
      <c r="K55" s="60">
        <v>293195.25233333337</v>
      </c>
      <c r="L55" s="60">
        <v>304195.25233333337</v>
      </c>
      <c r="M55" s="60">
        <v>320283.42111333337</v>
      </c>
      <c r="N55" s="60">
        <v>340286.56309333339</v>
      </c>
      <c r="O55" s="60">
        <v>347101.43233333336</v>
      </c>
      <c r="P55" s="60">
        <v>349341.99233333336</v>
      </c>
      <c r="Q55" s="60">
        <v>338341.99233333336</v>
      </c>
      <c r="R55" s="60">
        <v>322253.82355333335</v>
      </c>
      <c r="S55" s="60">
        <v>302250.68157333339</v>
      </c>
      <c r="T55" s="60">
        <v>295435.81233333336</v>
      </c>
      <c r="U55" s="60">
        <v>293195.25233333337</v>
      </c>
      <c r="V55" s="61">
        <v>293195.25233333337</v>
      </c>
    </row>
    <row r="56" spans="1:22">
      <c r="A56" s="62" t="s">
        <v>84</v>
      </c>
      <c r="B56" s="63"/>
      <c r="C56" s="65">
        <v>189034.75149075006</v>
      </c>
      <c r="D56" s="65">
        <v>247651.54149075007</v>
      </c>
      <c r="E56" s="65">
        <v>306268.33149075008</v>
      </c>
      <c r="F56" s="65">
        <v>364885.12149075005</v>
      </c>
      <c r="G56" s="65">
        <v>423501.91149075003</v>
      </c>
      <c r="H56" s="65">
        <v>293083.95</v>
      </c>
      <c r="I56" s="65">
        <v>293083.95</v>
      </c>
      <c r="J56" s="65">
        <v>293083.95</v>
      </c>
      <c r="K56" s="65">
        <v>293083.95</v>
      </c>
      <c r="L56" s="65">
        <v>293083.95</v>
      </c>
      <c r="M56" s="65">
        <v>293083.95</v>
      </c>
      <c r="N56" s="65">
        <v>293083.95</v>
      </c>
      <c r="O56" s="65">
        <v>293083.95</v>
      </c>
      <c r="P56" s="65">
        <v>293083.95</v>
      </c>
      <c r="Q56" s="65">
        <v>293083.95</v>
      </c>
      <c r="R56" s="65">
        <v>293083.95</v>
      </c>
      <c r="S56" s="65">
        <v>293083.95</v>
      </c>
      <c r="T56" s="65">
        <v>293083.95</v>
      </c>
      <c r="U56" s="65">
        <v>293083.95</v>
      </c>
      <c r="V56" s="66">
        <v>293083.95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2691.310759999993</v>
      </c>
      <c r="E58" s="73">
        <v>49506.179999999993</v>
      </c>
      <c r="F58" s="73">
        <v>51746.739999999991</v>
      </c>
      <c r="G58" s="73">
        <v>51746.739999999991</v>
      </c>
      <c r="H58" s="73">
        <v>29058.571219999998</v>
      </c>
      <c r="I58" s="73">
        <v>9055.4292399999995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47091.310759999993</v>
      </c>
      <c r="O58" s="73">
        <v>53906.179999999993</v>
      </c>
      <c r="P58" s="73">
        <v>56146.739999999991</v>
      </c>
      <c r="Q58" s="73">
        <v>45146.739999999991</v>
      </c>
      <c r="R58" s="73">
        <v>29058.571219999998</v>
      </c>
      <c r="S58" s="73">
        <v>9055.4292399999995</v>
      </c>
      <c r="T58" s="73">
        <v>2240.56</v>
      </c>
      <c r="U58" s="73">
        <v>0</v>
      </c>
      <c r="V58" s="74">
        <v>0</v>
      </c>
    </row>
    <row r="88" spans="11:11" ht="12.75">
      <c r="K88" s="161" t="s">
        <v>169</v>
      </c>
    </row>
  </sheetData>
  <pageMargins left="0.19685039370078741" right="0.17" top="0.19685039370078741" bottom="0.19685039370078741" header="0.31496062992125984" footer="0.15748031496062992"/>
  <pageSetup paperSize="9" scale="55" fitToWidth="2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>
  <sheetPr codeName="Plan12"/>
  <dimension ref="A1:V88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.75" customHeight="1">
      <c r="A1" s="158" t="s">
        <v>88</v>
      </c>
    </row>
    <row r="4" spans="1:22" ht="18">
      <c r="A4" s="158" t="s">
        <v>153</v>
      </c>
    </row>
    <row r="5" spans="1:22" ht="15.75">
      <c r="A5" s="166" t="s">
        <v>47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14018.075284352873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9117.3430856593277</v>
      </c>
    </row>
    <row r="11" spans="1:22" ht="12.75">
      <c r="A11" s="167" t="s">
        <v>60</v>
      </c>
      <c r="B11" s="168"/>
      <c r="C11" s="175">
        <v>2241.2799317999998</v>
      </c>
    </row>
    <row r="12" spans="1:22" ht="12.75">
      <c r="A12" s="167" t="s">
        <v>61</v>
      </c>
      <c r="B12" s="168"/>
      <c r="C12" s="176">
        <v>6876.0631538593279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75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1682169.0341223446</v>
      </c>
      <c r="D17" s="42">
        <v>1682169.0341223446</v>
      </c>
      <c r="E17" s="42">
        <v>1682169.0341223446</v>
      </c>
      <c r="F17" s="42">
        <v>1682169.0341223446</v>
      </c>
      <c r="G17" s="42">
        <v>1682169.0341223446</v>
      </c>
      <c r="H17" s="42">
        <v>1682169.0341223446</v>
      </c>
      <c r="I17" s="42">
        <v>1682169.0341223446</v>
      </c>
      <c r="J17" s="42">
        <v>1682169.0341223446</v>
      </c>
      <c r="K17" s="42">
        <v>1682169.0341223446</v>
      </c>
      <c r="L17" s="42">
        <v>1682169.0341223446</v>
      </c>
      <c r="M17" s="42">
        <v>1682169.0341223446</v>
      </c>
      <c r="N17" s="42">
        <v>1682169.0341223446</v>
      </c>
      <c r="O17" s="42">
        <v>1682169.0341223446</v>
      </c>
      <c r="P17" s="42">
        <v>1682169.0341223446</v>
      </c>
      <c r="Q17" s="42">
        <v>1682169.0341223446</v>
      </c>
      <c r="R17" s="42">
        <v>1682169.0341223446</v>
      </c>
      <c r="S17" s="42">
        <v>1682169.0341223446</v>
      </c>
      <c r="T17" s="42">
        <v>1682169.0341223446</v>
      </c>
      <c r="U17" s="42">
        <v>1682169.0341223446</v>
      </c>
      <c r="V17" s="42">
        <v>1682169.0341223446</v>
      </c>
    </row>
    <row r="18" spans="1:22">
      <c r="A18" s="45" t="s">
        <v>65</v>
      </c>
      <c r="B18" s="45"/>
      <c r="C18" s="46">
        <v>33643.380682446892</v>
      </c>
      <c r="D18" s="46">
        <v>33643.380682446892</v>
      </c>
      <c r="E18" s="46">
        <v>33643.380682446892</v>
      </c>
      <c r="F18" s="46">
        <v>33643.380682446892</v>
      </c>
      <c r="G18" s="46">
        <v>33643.380682446892</v>
      </c>
      <c r="H18" s="46">
        <v>33643.380682446892</v>
      </c>
      <c r="I18" s="46">
        <v>33643.380682446892</v>
      </c>
      <c r="J18" s="46">
        <v>33643.380682446892</v>
      </c>
      <c r="K18" s="46">
        <v>33643.380682446892</v>
      </c>
      <c r="L18" s="46">
        <v>33643.380682446892</v>
      </c>
      <c r="M18" s="46">
        <v>33643.380682446892</v>
      </c>
      <c r="N18" s="46">
        <v>33643.380682446892</v>
      </c>
      <c r="O18" s="46">
        <v>33643.380682446892</v>
      </c>
      <c r="P18" s="46">
        <v>33643.380682446892</v>
      </c>
      <c r="Q18" s="46">
        <v>33643.380682446892</v>
      </c>
      <c r="R18" s="46">
        <v>33643.380682446892</v>
      </c>
      <c r="S18" s="46">
        <v>33643.380682446892</v>
      </c>
      <c r="T18" s="46">
        <v>33643.380682446892</v>
      </c>
      <c r="U18" s="46">
        <v>33643.380682446892</v>
      </c>
      <c r="V18" s="46">
        <v>33643.380682446892</v>
      </c>
    </row>
    <row r="19" spans="1:22">
      <c r="A19" s="41" t="s">
        <v>66</v>
      </c>
      <c r="B19" s="41"/>
      <c r="C19" s="47">
        <v>1648525.6534398976</v>
      </c>
      <c r="D19" s="47">
        <v>1648525.6534398976</v>
      </c>
      <c r="E19" s="47">
        <v>1648525.6534398976</v>
      </c>
      <c r="F19" s="47">
        <v>1648525.6534398976</v>
      </c>
      <c r="G19" s="47">
        <v>1648525.6534398976</v>
      </c>
      <c r="H19" s="47">
        <v>1648525.6534398976</v>
      </c>
      <c r="I19" s="47">
        <v>1648525.6534398976</v>
      </c>
      <c r="J19" s="47">
        <v>1648525.6534398976</v>
      </c>
      <c r="K19" s="47">
        <v>1648525.6534398976</v>
      </c>
      <c r="L19" s="47">
        <v>1648525.6534398976</v>
      </c>
      <c r="M19" s="47">
        <v>1648525.6534398976</v>
      </c>
      <c r="N19" s="47">
        <v>1648525.6534398976</v>
      </c>
      <c r="O19" s="47">
        <v>1648525.6534398976</v>
      </c>
      <c r="P19" s="47">
        <v>1648525.6534398976</v>
      </c>
      <c r="Q19" s="47">
        <v>1648525.6534398976</v>
      </c>
      <c r="R19" s="47">
        <v>1648525.6534398976</v>
      </c>
      <c r="S19" s="47">
        <v>1648525.6534398976</v>
      </c>
      <c r="T19" s="47">
        <v>1648525.6534398976</v>
      </c>
      <c r="U19" s="47">
        <v>1648525.6534398976</v>
      </c>
      <c r="V19" s="47">
        <v>1648525.6534398976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101084.3702791191</v>
      </c>
      <c r="D21" s="46">
        <v>1101084.3702791191</v>
      </c>
      <c r="E21" s="46">
        <v>1101084.3702791191</v>
      </c>
      <c r="F21" s="46">
        <v>1108487.1702791192</v>
      </c>
      <c r="G21" s="46">
        <v>1108487.1702791192</v>
      </c>
      <c r="H21" s="46">
        <v>1108487.1702791192</v>
      </c>
      <c r="I21" s="46">
        <v>1108487.1702791192</v>
      </c>
      <c r="J21" s="46">
        <v>1108487.1702791192</v>
      </c>
      <c r="K21" s="46">
        <v>1108487.1702791192</v>
      </c>
      <c r="L21" s="46">
        <v>1108487.1702791192</v>
      </c>
      <c r="M21" s="48">
        <v>1101084.3702791191</v>
      </c>
      <c r="N21" s="48">
        <v>1101084.3702791191</v>
      </c>
      <c r="O21" s="48">
        <v>1101084.3702791191</v>
      </c>
      <c r="P21" s="48">
        <v>1108487.1702791192</v>
      </c>
      <c r="Q21" s="48">
        <v>1108487.1702791192</v>
      </c>
      <c r="R21" s="48">
        <v>1108487.1702791192</v>
      </c>
      <c r="S21" s="48">
        <v>1108487.1702791192</v>
      </c>
      <c r="T21" s="48">
        <v>1108487.1702791192</v>
      </c>
      <c r="U21" s="48">
        <v>1108487.1702791192</v>
      </c>
      <c r="V21" s="48">
        <v>1108487.1702791192</v>
      </c>
    </row>
    <row r="22" spans="1:22">
      <c r="A22" s="41"/>
      <c r="B22" s="41"/>
      <c r="C22" s="41"/>
      <c r="D22" s="41"/>
      <c r="E22" s="41"/>
      <c r="F22" s="41"/>
      <c r="G22" s="42"/>
      <c r="H22" s="47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221527.92146398337</v>
      </c>
      <c r="D23" s="42">
        <v>304225.22220398334</v>
      </c>
      <c r="E23" s="42">
        <v>374808.96868398337</v>
      </c>
      <c r="F23" s="42">
        <v>438672.18668398337</v>
      </c>
      <c r="G23" s="42">
        <v>500294.84468398336</v>
      </c>
      <c r="H23" s="42">
        <v>340500.88355333335</v>
      </c>
      <c r="I23" s="42">
        <v>319426.24081333331</v>
      </c>
      <c r="J23" s="42">
        <v>310465.15233333333</v>
      </c>
      <c r="K23" s="42">
        <v>308224.59233333333</v>
      </c>
      <c r="L23" s="42">
        <v>319224.59233333333</v>
      </c>
      <c r="M23" s="42">
        <v>335312.76111333334</v>
      </c>
      <c r="N23" s="42">
        <v>356387.40385333332</v>
      </c>
      <c r="O23" s="42">
        <v>365348.49233333336</v>
      </c>
      <c r="P23" s="42">
        <v>367589.0523333333</v>
      </c>
      <c r="Q23" s="42">
        <v>356589.0523333333</v>
      </c>
      <c r="R23" s="42">
        <v>340500.88355333335</v>
      </c>
      <c r="S23" s="42">
        <v>319426.24081333331</v>
      </c>
      <c r="T23" s="42">
        <v>310465.15233333333</v>
      </c>
      <c r="U23" s="42">
        <v>308224.59233333333</v>
      </c>
      <c r="V23" s="42">
        <v>308224.59233333333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325913.36169679509</v>
      </c>
      <c r="D25" s="48">
        <v>243216.06095679512</v>
      </c>
      <c r="E25" s="48">
        <v>172632.31447679509</v>
      </c>
      <c r="F25" s="48">
        <v>101366.29647679505</v>
      </c>
      <c r="G25" s="48">
        <v>39743.638476795051</v>
      </c>
      <c r="H25" s="48">
        <v>199537.59960744507</v>
      </c>
      <c r="I25" s="48">
        <v>220612.24234744511</v>
      </c>
      <c r="J25" s="48">
        <v>229573.33082744508</v>
      </c>
      <c r="K25" s="48">
        <v>231813.89082744508</v>
      </c>
      <c r="L25" s="48">
        <v>220813.89082744508</v>
      </c>
      <c r="M25" s="48">
        <v>212128.52204744512</v>
      </c>
      <c r="N25" s="48">
        <v>191053.87930744514</v>
      </c>
      <c r="O25" s="48">
        <v>182092.7908274451</v>
      </c>
      <c r="P25" s="48">
        <v>172449.43082744512</v>
      </c>
      <c r="Q25" s="48">
        <v>183449.43082744512</v>
      </c>
      <c r="R25" s="48">
        <v>199537.59960744507</v>
      </c>
      <c r="S25" s="48">
        <v>220612.24234744511</v>
      </c>
      <c r="T25" s="48">
        <v>229573.33082744508</v>
      </c>
      <c r="U25" s="48">
        <v>231813.89082744508</v>
      </c>
      <c r="V25" s="48">
        <v>231813.89082744508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10810.54297691034</v>
      </c>
      <c r="D27" s="42">
        <v>82693.460725310346</v>
      </c>
      <c r="E27" s="42">
        <v>58694.986922110336</v>
      </c>
      <c r="F27" s="42">
        <v>34464.540802110321</v>
      </c>
      <c r="G27" s="42">
        <v>13512.837082110318</v>
      </c>
      <c r="H27" s="42">
        <v>67842.783866531332</v>
      </c>
      <c r="I27" s="42">
        <v>75008.162398131346</v>
      </c>
      <c r="J27" s="42">
        <v>78054.932481331329</v>
      </c>
      <c r="K27" s="42">
        <v>78816.722881331327</v>
      </c>
      <c r="L27" s="42">
        <v>75076.722881331327</v>
      </c>
      <c r="M27" s="42">
        <v>72123.697496131339</v>
      </c>
      <c r="N27" s="42">
        <v>64958.318964531354</v>
      </c>
      <c r="O27" s="42">
        <v>61911.548881331342</v>
      </c>
      <c r="P27" s="42">
        <v>58632.806481331347</v>
      </c>
      <c r="Q27" s="42">
        <v>62372.806481331347</v>
      </c>
      <c r="R27" s="42">
        <v>67842.783866531332</v>
      </c>
      <c r="S27" s="42">
        <v>75008.162398131346</v>
      </c>
      <c r="T27" s="42">
        <v>78054.932481331329</v>
      </c>
      <c r="U27" s="42">
        <v>78816.722881331327</v>
      </c>
      <c r="V27" s="42">
        <v>78816.722881331327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215102.81871988476</v>
      </c>
      <c r="D29" s="48">
        <v>160522.60023148477</v>
      </c>
      <c r="E29" s="48">
        <v>113937.32755468474</v>
      </c>
      <c r="F29" s="48">
        <v>66901.755674684726</v>
      </c>
      <c r="G29" s="48">
        <v>26230.801394684735</v>
      </c>
      <c r="H29" s="48">
        <v>131694.81574091373</v>
      </c>
      <c r="I29" s="48">
        <v>145604.07994931377</v>
      </c>
      <c r="J29" s="48">
        <v>151518.39834611374</v>
      </c>
      <c r="K29" s="48">
        <v>152997.16794611374</v>
      </c>
      <c r="L29" s="48">
        <v>145737.16794611374</v>
      </c>
      <c r="M29" s="48">
        <v>140004.82455131377</v>
      </c>
      <c r="N29" s="48">
        <v>126095.56034291378</v>
      </c>
      <c r="O29" s="48">
        <v>120181.24194611376</v>
      </c>
      <c r="P29" s="48">
        <v>113816.62434611376</v>
      </c>
      <c r="Q29" s="48">
        <v>121076.62434611376</v>
      </c>
      <c r="R29" s="48">
        <v>131694.81574091373</v>
      </c>
      <c r="S29" s="48">
        <v>145604.07994931377</v>
      </c>
      <c r="T29" s="48">
        <v>151518.39834611374</v>
      </c>
      <c r="U29" s="48">
        <v>152997.16794611374</v>
      </c>
      <c r="V29" s="48">
        <v>152997.16794611374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221527.92146398337</v>
      </c>
      <c r="D31" s="42">
        <v>304225.22220398334</v>
      </c>
      <c r="E31" s="42">
        <v>374808.96868398337</v>
      </c>
      <c r="F31" s="42">
        <v>438672.18668398337</v>
      </c>
      <c r="G31" s="42">
        <v>500294.84468398336</v>
      </c>
      <c r="H31" s="42">
        <v>340500.88355333335</v>
      </c>
      <c r="I31" s="42">
        <v>319426.24081333331</v>
      </c>
      <c r="J31" s="42">
        <v>310465.15233333333</v>
      </c>
      <c r="K31" s="42">
        <v>308224.59233333333</v>
      </c>
      <c r="L31" s="42">
        <v>319224.59233333333</v>
      </c>
      <c r="M31" s="42">
        <v>335312.76111333334</v>
      </c>
      <c r="N31" s="42">
        <v>356387.40385333332</v>
      </c>
      <c r="O31" s="42">
        <v>365348.49233333336</v>
      </c>
      <c r="P31" s="42">
        <v>367589.0523333333</v>
      </c>
      <c r="Q31" s="42">
        <v>356589.0523333333</v>
      </c>
      <c r="R31" s="42">
        <v>340500.88355333335</v>
      </c>
      <c r="S31" s="42">
        <v>319426.24081333331</v>
      </c>
      <c r="T31" s="42">
        <v>310465.15233333333</v>
      </c>
      <c r="U31" s="42">
        <v>308224.59233333333</v>
      </c>
      <c r="V31" s="42">
        <v>308224.59233333333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436630.7401838681</v>
      </c>
      <c r="D33" s="48">
        <v>464747.82243546809</v>
      </c>
      <c r="E33" s="48">
        <v>488746.29623866815</v>
      </c>
      <c r="F33" s="48">
        <v>505573.94235866808</v>
      </c>
      <c r="G33" s="48">
        <v>526525.64607866807</v>
      </c>
      <c r="H33" s="48">
        <v>472195.69929424708</v>
      </c>
      <c r="I33" s="48">
        <v>465030.32076264708</v>
      </c>
      <c r="J33" s="48">
        <v>461983.55067944707</v>
      </c>
      <c r="K33" s="48">
        <v>461221.76027944707</v>
      </c>
      <c r="L33" s="48">
        <v>464961.76027944707</v>
      </c>
      <c r="M33" s="48">
        <v>475317.58566464711</v>
      </c>
      <c r="N33" s="48">
        <v>482482.96419624711</v>
      </c>
      <c r="O33" s="48">
        <v>485529.73427944712</v>
      </c>
      <c r="P33" s="48">
        <v>481405.67667944706</v>
      </c>
      <c r="Q33" s="48">
        <v>477665.67667944706</v>
      </c>
      <c r="R33" s="48">
        <v>472195.69929424708</v>
      </c>
      <c r="S33" s="48">
        <v>465030.32076264708</v>
      </c>
      <c r="T33" s="48">
        <v>461983.55067944707</v>
      </c>
      <c r="U33" s="48">
        <v>461221.76027944707</v>
      </c>
      <c r="V33" s="48">
        <v>461221.76027944707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1377709.7832090703</v>
      </c>
      <c r="C35" s="47">
        <v>388554.13389999996</v>
      </c>
      <c r="D35" s="47">
        <v>413486.5037</v>
      </c>
      <c r="E35" s="47">
        <v>352918.73239999998</v>
      </c>
      <c r="F35" s="47">
        <v>319316.08999999997</v>
      </c>
      <c r="G35" s="47">
        <v>308113.28999999998</v>
      </c>
      <c r="H35" s="47">
        <v>308113.28999999998</v>
      </c>
      <c r="I35" s="47">
        <v>308113.28999999998</v>
      </c>
      <c r="J35" s="47">
        <v>308113.28999999998</v>
      </c>
      <c r="K35" s="47">
        <v>308113.28999999998</v>
      </c>
      <c r="L35" s="47">
        <v>363113.29</v>
      </c>
      <c r="M35" s="47">
        <v>388554.13389999996</v>
      </c>
      <c r="N35" s="47">
        <v>413486.5037</v>
      </c>
      <c r="O35" s="47">
        <v>352918.73239999998</v>
      </c>
      <c r="P35" s="47">
        <v>319316.08999999997</v>
      </c>
      <c r="Q35" s="47">
        <v>308113.28999999998</v>
      </c>
      <c r="R35" s="47">
        <v>308113.28999999998</v>
      </c>
      <c r="S35" s="47">
        <v>308113.28999999998</v>
      </c>
      <c r="T35" s="47">
        <v>308113.28999999998</v>
      </c>
      <c r="U35" s="47">
        <v>308113.28999999998</v>
      </c>
      <c r="V35" s="47">
        <v>293029.94246192987</v>
      </c>
    </row>
    <row r="36" spans="1:22">
      <c r="A36" s="49" t="s">
        <v>75</v>
      </c>
      <c r="B36" s="48">
        <v>1324856.3356710002</v>
      </c>
      <c r="C36" s="48">
        <v>308113.28999999998</v>
      </c>
      <c r="D36" s="48">
        <v>308113.28999999998</v>
      </c>
      <c r="E36" s="48">
        <v>308113.28999999998</v>
      </c>
      <c r="F36" s="48">
        <v>308113.28999999998</v>
      </c>
      <c r="G36" s="48">
        <v>308113.28999999998</v>
      </c>
      <c r="H36" s="48">
        <v>308113.28999999998</v>
      </c>
      <c r="I36" s="48">
        <v>308113.28999999998</v>
      </c>
      <c r="J36" s="48">
        <v>308113.28999999998</v>
      </c>
      <c r="K36" s="48">
        <v>308113.28999999998</v>
      </c>
      <c r="L36" s="48">
        <v>308113.28999999998</v>
      </c>
      <c r="M36" s="48">
        <v>308113.28999999998</v>
      </c>
      <c r="N36" s="48">
        <v>308113.28999999998</v>
      </c>
      <c r="O36" s="48">
        <v>308113.28999999998</v>
      </c>
      <c r="P36" s="48">
        <v>308113.28999999998</v>
      </c>
      <c r="Q36" s="48">
        <v>308113.28999999998</v>
      </c>
      <c r="R36" s="48">
        <v>308113.28999999998</v>
      </c>
      <c r="S36" s="48">
        <v>308113.28999999998</v>
      </c>
      <c r="T36" s="48">
        <v>308113.28999999998</v>
      </c>
      <c r="U36" s="48">
        <v>308113.28999999998</v>
      </c>
      <c r="V36" s="48">
        <v>308113.28999999998</v>
      </c>
    </row>
    <row r="37" spans="1:22">
      <c r="A37" s="50" t="s">
        <v>76</v>
      </c>
      <c r="B37" s="42">
        <v>33000</v>
      </c>
      <c r="C37" s="42">
        <v>80440.843899999993</v>
      </c>
      <c r="D37" s="42">
        <v>105373.21369999999</v>
      </c>
      <c r="E37" s="42">
        <v>44805.4424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05373.21369999999</v>
      </c>
      <c r="O37" s="42">
        <v>44805.4424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15083.347538070124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15083.347538070124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13094.814824999999</v>
      </c>
      <c r="D41" s="46">
        <v>13094.814824999999</v>
      </c>
      <c r="E41" s="46">
        <v>13094.814824999999</v>
      </c>
      <c r="F41" s="46">
        <v>13094.814824999999</v>
      </c>
      <c r="G41" s="46">
        <v>13094.814824999999</v>
      </c>
      <c r="H41" s="46">
        <v>13094.814824999999</v>
      </c>
      <c r="I41" s="46">
        <v>13094.814824999999</v>
      </c>
      <c r="J41" s="46">
        <v>13094.814824999999</v>
      </c>
      <c r="K41" s="46">
        <v>13094.814824999999</v>
      </c>
      <c r="L41" s="46">
        <v>13094.814824999999</v>
      </c>
      <c r="M41" s="46">
        <v>13094.814824999999</v>
      </c>
      <c r="N41" s="46">
        <v>13094.814824999999</v>
      </c>
      <c r="O41" s="46">
        <v>13094.814824999999</v>
      </c>
      <c r="P41" s="46">
        <v>13094.814824999999</v>
      </c>
      <c r="Q41" s="46">
        <v>13094.814824999999</v>
      </c>
      <c r="R41" s="46">
        <v>13094.814824999999</v>
      </c>
      <c r="S41" s="46">
        <v>13094.814824999999</v>
      </c>
      <c r="T41" s="46">
        <v>13094.814824999999</v>
      </c>
      <c r="U41" s="46">
        <v>13094.814824999999</v>
      </c>
      <c r="V41" s="46">
        <v>892965.27180368325</v>
      </c>
    </row>
    <row r="42" spans="1:22">
      <c r="A42" s="41" t="s">
        <v>80</v>
      </c>
      <c r="B42" s="41"/>
      <c r="C42" s="47">
        <v>13094.814824999999</v>
      </c>
      <c r="D42" s="47">
        <v>13094.814824999999</v>
      </c>
      <c r="E42" s="47">
        <v>13094.814824999999</v>
      </c>
      <c r="F42" s="47">
        <v>13094.814824999999</v>
      </c>
      <c r="G42" s="47">
        <v>13094.814824999999</v>
      </c>
      <c r="H42" s="47">
        <v>13094.814824999999</v>
      </c>
      <c r="I42" s="47">
        <v>13094.814824999999</v>
      </c>
      <c r="J42" s="47">
        <v>13094.814824999999</v>
      </c>
      <c r="K42" s="47">
        <v>13094.814824999999</v>
      </c>
      <c r="L42" s="47">
        <v>13094.814824999999</v>
      </c>
      <c r="M42" s="47">
        <v>13094.814824999999</v>
      </c>
      <c r="N42" s="47">
        <v>13094.814824999999</v>
      </c>
      <c r="O42" s="47">
        <v>13094.814824999999</v>
      </c>
      <c r="P42" s="47">
        <v>13094.814824999999</v>
      </c>
      <c r="Q42" s="47">
        <v>13094.814824999999</v>
      </c>
      <c r="R42" s="47">
        <v>13094.814824999999</v>
      </c>
      <c r="S42" s="47">
        <v>13094.814824999999</v>
      </c>
      <c r="T42" s="47">
        <v>13094.814824999999</v>
      </c>
      <c r="U42" s="47">
        <v>13094.814824999999</v>
      </c>
      <c r="V42" s="47">
        <v>890421.21847034991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5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1377709.7832090703</v>
      </c>
      <c r="C45" s="53">
        <v>61171.42110886814</v>
      </c>
      <c r="D45" s="53">
        <v>64356.133560468086</v>
      </c>
      <c r="E45" s="53">
        <v>148922.37866366818</v>
      </c>
      <c r="F45" s="53">
        <v>199352.66718366812</v>
      </c>
      <c r="G45" s="53">
        <v>231507.1709036681</v>
      </c>
      <c r="H45" s="53">
        <v>177177.22411924711</v>
      </c>
      <c r="I45" s="53">
        <v>170011.84558764711</v>
      </c>
      <c r="J45" s="53">
        <v>166965.0755044471</v>
      </c>
      <c r="K45" s="53">
        <v>166203.2851044471</v>
      </c>
      <c r="L45" s="53">
        <v>114943.28510444709</v>
      </c>
      <c r="M45" s="53">
        <v>99858.266589647144</v>
      </c>
      <c r="N45" s="53">
        <v>82091.2753212471</v>
      </c>
      <c r="O45" s="53">
        <v>145705.81670444715</v>
      </c>
      <c r="P45" s="53">
        <v>175184.4015044471</v>
      </c>
      <c r="Q45" s="53">
        <v>182647.20150444709</v>
      </c>
      <c r="R45" s="53">
        <v>177177.22411924711</v>
      </c>
      <c r="S45" s="53">
        <v>170011.84558764711</v>
      </c>
      <c r="T45" s="53">
        <v>166965.0755044471</v>
      </c>
      <c r="U45" s="53">
        <v>166203.2851044471</v>
      </c>
      <c r="V45" s="53">
        <v>1061157.0896212005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221527.92146398337</v>
      </c>
      <c r="D55" s="60">
        <v>304225.22220398334</v>
      </c>
      <c r="E55" s="60">
        <v>374808.96868398337</v>
      </c>
      <c r="F55" s="60">
        <v>438672.18668398337</v>
      </c>
      <c r="G55" s="60">
        <v>500294.84468398336</v>
      </c>
      <c r="H55" s="60">
        <v>340500.88355333335</v>
      </c>
      <c r="I55" s="60">
        <v>319426.24081333331</v>
      </c>
      <c r="J55" s="60">
        <v>310465.15233333333</v>
      </c>
      <c r="K55" s="60">
        <v>308224.59233333333</v>
      </c>
      <c r="L55" s="60">
        <v>319224.59233333333</v>
      </c>
      <c r="M55" s="60">
        <v>335312.76111333334</v>
      </c>
      <c r="N55" s="60">
        <v>356387.40385333332</v>
      </c>
      <c r="O55" s="60">
        <v>365348.49233333336</v>
      </c>
      <c r="P55" s="60">
        <v>367589.0523333333</v>
      </c>
      <c r="Q55" s="60">
        <v>356589.0523333333</v>
      </c>
      <c r="R55" s="60">
        <v>340500.88355333335</v>
      </c>
      <c r="S55" s="60">
        <v>319426.24081333331</v>
      </c>
      <c r="T55" s="60">
        <v>310465.15233333333</v>
      </c>
      <c r="U55" s="60">
        <v>308224.59233333333</v>
      </c>
      <c r="V55" s="61">
        <v>308224.59233333333</v>
      </c>
    </row>
    <row r="56" spans="1:22">
      <c r="A56" s="62" t="s">
        <v>84</v>
      </c>
      <c r="B56" s="63"/>
      <c r="C56" s="65">
        <v>198728.45035065003</v>
      </c>
      <c r="D56" s="65">
        <v>260351.10835065003</v>
      </c>
      <c r="E56" s="65">
        <v>321973.76635065</v>
      </c>
      <c r="F56" s="65">
        <v>383596.42435064999</v>
      </c>
      <c r="G56" s="65">
        <v>445219.08235064999</v>
      </c>
      <c r="H56" s="65">
        <v>308113.28999999998</v>
      </c>
      <c r="I56" s="65">
        <v>308113.28999999998</v>
      </c>
      <c r="J56" s="65">
        <v>308113.28999999998</v>
      </c>
      <c r="K56" s="65">
        <v>308113.28999999998</v>
      </c>
      <c r="L56" s="65">
        <v>308113.28999999998</v>
      </c>
      <c r="M56" s="65">
        <v>308113.28999999998</v>
      </c>
      <c r="N56" s="65">
        <v>308113.28999999998</v>
      </c>
      <c r="O56" s="65">
        <v>308113.28999999998</v>
      </c>
      <c r="P56" s="65">
        <v>308113.28999999998</v>
      </c>
      <c r="Q56" s="65">
        <v>308113.28999999998</v>
      </c>
      <c r="R56" s="65">
        <v>308113.28999999998</v>
      </c>
      <c r="S56" s="65">
        <v>308113.28999999998</v>
      </c>
      <c r="T56" s="65">
        <v>308113.28999999998</v>
      </c>
      <c r="U56" s="65">
        <v>308113.28999999998</v>
      </c>
      <c r="V56" s="66">
        <v>308113.28999999998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3762.811520000003</v>
      </c>
      <c r="E58" s="73">
        <v>52723.9</v>
      </c>
      <c r="F58" s="73">
        <v>54964.46</v>
      </c>
      <c r="G58" s="73">
        <v>54964.46</v>
      </c>
      <c r="H58" s="73">
        <v>32276.291220000003</v>
      </c>
      <c r="I58" s="73">
        <v>11201.64848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48162.811520000003</v>
      </c>
      <c r="O58" s="73">
        <v>57123.899999999994</v>
      </c>
      <c r="P58" s="73">
        <v>59364.459999999992</v>
      </c>
      <c r="Q58" s="73">
        <v>48364.459999999992</v>
      </c>
      <c r="R58" s="73">
        <v>32276.291219999999</v>
      </c>
      <c r="S58" s="73">
        <v>11201.64848</v>
      </c>
      <c r="T58" s="73">
        <v>2240.56</v>
      </c>
      <c r="U58" s="73">
        <v>0</v>
      </c>
      <c r="V58" s="74">
        <v>0</v>
      </c>
    </row>
    <row r="88" spans="11:11" ht="12.75">
      <c r="K88" s="161" t="s">
        <v>170</v>
      </c>
    </row>
  </sheetData>
  <pageMargins left="0.19685039370078741" right="0.19685039370078741" top="0.19685039370078741" bottom="0.19685039370078741" header="0.31496062992125984" footer="1.38"/>
  <pageSetup paperSize="9" scale="55" fitToWidth="2" orientation="landscape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>
  <sheetPr codeName="Plan14"/>
  <dimension ref="A1:V88"/>
  <sheetViews>
    <sheetView view="pageBreakPreview" topLeftCell="A52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58" t="s">
        <v>89</v>
      </c>
    </row>
    <row r="4" spans="1:22" ht="18">
      <c r="A4" s="158" t="s">
        <v>153</v>
      </c>
    </row>
    <row r="5" spans="1:22" ht="15.75">
      <c r="A5" s="166" t="s">
        <v>48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17529.912113134411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0312.684383859329</v>
      </c>
    </row>
    <row r="11" spans="1:22" ht="12.75">
      <c r="A11" s="167" t="s">
        <v>60</v>
      </c>
      <c r="B11" s="168"/>
      <c r="C11" s="175">
        <v>3436.6212300000002</v>
      </c>
    </row>
    <row r="12" spans="1:22" ht="12.75">
      <c r="A12" s="167" t="s">
        <v>61</v>
      </c>
      <c r="B12" s="168"/>
      <c r="C12" s="176">
        <v>6876.0631538593279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75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2103589.4535761294</v>
      </c>
      <c r="D17" s="42">
        <v>2103589.4535761294</v>
      </c>
      <c r="E17" s="42">
        <v>2103589.4535761294</v>
      </c>
      <c r="F17" s="42">
        <v>2103589.4535761294</v>
      </c>
      <c r="G17" s="42">
        <v>2103589.4535761294</v>
      </c>
      <c r="H17" s="42">
        <v>2103589.4535761294</v>
      </c>
      <c r="I17" s="42">
        <v>2103589.4535761294</v>
      </c>
      <c r="J17" s="42">
        <v>2103589.4535761294</v>
      </c>
      <c r="K17" s="42">
        <v>2103589.4535761294</v>
      </c>
      <c r="L17" s="42">
        <v>2103589.4535761294</v>
      </c>
      <c r="M17" s="42">
        <v>2103589.4535761294</v>
      </c>
      <c r="N17" s="42">
        <v>2103589.4535761294</v>
      </c>
      <c r="O17" s="42">
        <v>2103589.4535761294</v>
      </c>
      <c r="P17" s="42">
        <v>2103589.4535761294</v>
      </c>
      <c r="Q17" s="42">
        <v>2103589.4535761294</v>
      </c>
      <c r="R17" s="42">
        <v>2103589.4535761294</v>
      </c>
      <c r="S17" s="42">
        <v>2103589.4535761294</v>
      </c>
      <c r="T17" s="42">
        <v>2103589.4535761294</v>
      </c>
      <c r="U17" s="42">
        <v>2103589.4535761294</v>
      </c>
      <c r="V17" s="42">
        <v>2103589.4535761294</v>
      </c>
    </row>
    <row r="18" spans="1:22">
      <c r="A18" s="45" t="s">
        <v>65</v>
      </c>
      <c r="B18" s="45"/>
      <c r="C18" s="46">
        <v>42071.789071522588</v>
      </c>
      <c r="D18" s="46">
        <v>42071.789071522588</v>
      </c>
      <c r="E18" s="46">
        <v>42071.789071522588</v>
      </c>
      <c r="F18" s="46">
        <v>42071.789071522588</v>
      </c>
      <c r="G18" s="46">
        <v>42071.789071522588</v>
      </c>
      <c r="H18" s="46">
        <v>42071.789071522588</v>
      </c>
      <c r="I18" s="46">
        <v>42071.789071522588</v>
      </c>
      <c r="J18" s="46">
        <v>42071.789071522588</v>
      </c>
      <c r="K18" s="46">
        <v>42071.789071522588</v>
      </c>
      <c r="L18" s="46">
        <v>42071.789071522588</v>
      </c>
      <c r="M18" s="46">
        <v>42071.789071522588</v>
      </c>
      <c r="N18" s="46">
        <v>42071.789071522588</v>
      </c>
      <c r="O18" s="46">
        <v>42071.789071522588</v>
      </c>
      <c r="P18" s="46">
        <v>42071.789071522588</v>
      </c>
      <c r="Q18" s="46">
        <v>42071.789071522588</v>
      </c>
      <c r="R18" s="46">
        <v>42071.789071522588</v>
      </c>
      <c r="S18" s="46">
        <v>42071.789071522588</v>
      </c>
      <c r="T18" s="46">
        <v>42071.789071522588</v>
      </c>
      <c r="U18" s="46">
        <v>42071.789071522588</v>
      </c>
      <c r="V18" s="46">
        <v>42071.789071522588</v>
      </c>
    </row>
    <row r="19" spans="1:22">
      <c r="A19" s="41" t="s">
        <v>66</v>
      </c>
      <c r="B19" s="41"/>
      <c r="C19" s="47">
        <v>2061517.6645046067</v>
      </c>
      <c r="D19" s="47">
        <v>2061517.6645046067</v>
      </c>
      <c r="E19" s="47">
        <v>2061517.6645046067</v>
      </c>
      <c r="F19" s="47">
        <v>2061517.6645046067</v>
      </c>
      <c r="G19" s="47">
        <v>2061517.6645046067</v>
      </c>
      <c r="H19" s="47">
        <v>2061517.6645046067</v>
      </c>
      <c r="I19" s="47">
        <v>2061517.6645046067</v>
      </c>
      <c r="J19" s="47">
        <v>2061517.6645046067</v>
      </c>
      <c r="K19" s="47">
        <v>2061517.6645046067</v>
      </c>
      <c r="L19" s="47">
        <v>2061517.6645046067</v>
      </c>
      <c r="M19" s="47">
        <v>2061517.6645046067</v>
      </c>
      <c r="N19" s="47">
        <v>2061517.6645046067</v>
      </c>
      <c r="O19" s="47">
        <v>2061517.6645046067</v>
      </c>
      <c r="P19" s="47">
        <v>2061517.6645046067</v>
      </c>
      <c r="Q19" s="47">
        <v>2061517.6645046067</v>
      </c>
      <c r="R19" s="47">
        <v>2061517.6645046067</v>
      </c>
      <c r="S19" s="47">
        <v>2061517.6645046067</v>
      </c>
      <c r="T19" s="47">
        <v>2061517.6645046067</v>
      </c>
      <c r="U19" s="47">
        <v>2061517.6645046067</v>
      </c>
      <c r="V19" s="47">
        <v>2061517.6645046067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244525.3260631193</v>
      </c>
      <c r="D21" s="46">
        <v>1244525.3260631193</v>
      </c>
      <c r="E21" s="46">
        <v>1244525.3260631193</v>
      </c>
      <c r="F21" s="46">
        <v>1251928.1260631194</v>
      </c>
      <c r="G21" s="46">
        <v>1251928.1260631194</v>
      </c>
      <c r="H21" s="46">
        <v>1251928.1260631194</v>
      </c>
      <c r="I21" s="46">
        <v>1251928.1260631194</v>
      </c>
      <c r="J21" s="46">
        <v>1251928.1260631194</v>
      </c>
      <c r="K21" s="46">
        <v>1251928.1260631194</v>
      </c>
      <c r="L21" s="46">
        <v>1251928.1260631194</v>
      </c>
      <c r="M21" s="48">
        <v>1244525.3260631193</v>
      </c>
      <c r="N21" s="48">
        <v>1244525.3260631193</v>
      </c>
      <c r="O21" s="48">
        <v>1244525.3260631193</v>
      </c>
      <c r="P21" s="48">
        <v>1251928.1260631194</v>
      </c>
      <c r="Q21" s="48">
        <v>1251928.1260631194</v>
      </c>
      <c r="R21" s="48">
        <v>1251928.1260631194</v>
      </c>
      <c r="S21" s="48">
        <v>1251928.1260631194</v>
      </c>
      <c r="T21" s="48">
        <v>1251928.1260631194</v>
      </c>
      <c r="U21" s="48">
        <v>1251928.1260631194</v>
      </c>
      <c r="V21" s="48">
        <v>1251928.1260631194</v>
      </c>
    </row>
    <row r="22" spans="1:22">
      <c r="A22" s="41"/>
      <c r="B22" s="41"/>
      <c r="C22" s="47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326837.98278583342</v>
      </c>
      <c r="D23" s="42">
        <v>445689.9162858334</v>
      </c>
      <c r="E23" s="42">
        <v>553503.01400583342</v>
      </c>
      <c r="F23" s="42">
        <v>650021.27400583331</v>
      </c>
      <c r="G23" s="42">
        <v>744298.97400583327</v>
      </c>
      <c r="H23" s="42">
        <v>511849.99355333333</v>
      </c>
      <c r="I23" s="42">
        <v>487275.76005333336</v>
      </c>
      <c r="J23" s="42">
        <v>473740.36233333335</v>
      </c>
      <c r="K23" s="42">
        <v>471499.80233333335</v>
      </c>
      <c r="L23" s="42">
        <v>482499.80233333335</v>
      </c>
      <c r="M23" s="42">
        <v>498587.97111333336</v>
      </c>
      <c r="N23" s="42">
        <v>523162.20461333334</v>
      </c>
      <c r="O23" s="42">
        <v>536697.60233333334</v>
      </c>
      <c r="P23" s="42">
        <v>538938.1623333334</v>
      </c>
      <c r="Q23" s="42">
        <v>527938.1623333334</v>
      </c>
      <c r="R23" s="42">
        <v>511849.99355333333</v>
      </c>
      <c r="S23" s="42">
        <v>487275.76005333336</v>
      </c>
      <c r="T23" s="42">
        <v>473740.36233333335</v>
      </c>
      <c r="U23" s="42">
        <v>471499.80233333335</v>
      </c>
      <c r="V23" s="42">
        <v>471499.80233333335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490154.35565565398</v>
      </c>
      <c r="D25" s="48">
        <v>371302.422155654</v>
      </c>
      <c r="E25" s="48">
        <v>263489.32443565398</v>
      </c>
      <c r="F25" s="48">
        <v>159568.26443565404</v>
      </c>
      <c r="G25" s="48">
        <v>65290.564435654087</v>
      </c>
      <c r="H25" s="48">
        <v>297739.54488815402</v>
      </c>
      <c r="I25" s="48">
        <v>322313.77838815399</v>
      </c>
      <c r="J25" s="48">
        <v>335849.176108154</v>
      </c>
      <c r="K25" s="48">
        <v>338089.736108154</v>
      </c>
      <c r="L25" s="48">
        <v>327089.736108154</v>
      </c>
      <c r="M25" s="48">
        <v>318404.36732815404</v>
      </c>
      <c r="N25" s="48">
        <v>293830.13382815407</v>
      </c>
      <c r="O25" s="48">
        <v>280294.73610815406</v>
      </c>
      <c r="P25" s="48">
        <v>270651.37610815396</v>
      </c>
      <c r="Q25" s="48">
        <v>281651.37610815396</v>
      </c>
      <c r="R25" s="48">
        <v>297739.54488815402</v>
      </c>
      <c r="S25" s="48">
        <v>322313.77838815399</v>
      </c>
      <c r="T25" s="48">
        <v>335849.176108154</v>
      </c>
      <c r="U25" s="48">
        <v>338089.736108154</v>
      </c>
      <c r="V25" s="48">
        <v>338089.736108154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66652.48092292238</v>
      </c>
      <c r="D27" s="42">
        <v>126242.82353292237</v>
      </c>
      <c r="E27" s="42">
        <v>89586.370308122365</v>
      </c>
      <c r="F27" s="42">
        <v>54253.209908122379</v>
      </c>
      <c r="G27" s="42">
        <v>22198.791908122392</v>
      </c>
      <c r="H27" s="42">
        <v>101231.44526197237</v>
      </c>
      <c r="I27" s="42">
        <v>109586.68465197236</v>
      </c>
      <c r="J27" s="42">
        <v>114188.71987677237</v>
      </c>
      <c r="K27" s="42">
        <v>114950.51027677237</v>
      </c>
      <c r="L27" s="42">
        <v>111210.51027677237</v>
      </c>
      <c r="M27" s="42">
        <v>108257.48489157239</v>
      </c>
      <c r="N27" s="42">
        <v>99902.245501572383</v>
      </c>
      <c r="O27" s="42">
        <v>95300.210276772385</v>
      </c>
      <c r="P27" s="42">
        <v>92021.467876772353</v>
      </c>
      <c r="Q27" s="42">
        <v>95761.467876772353</v>
      </c>
      <c r="R27" s="42">
        <v>101231.44526197237</v>
      </c>
      <c r="S27" s="42">
        <v>109586.68465197236</v>
      </c>
      <c r="T27" s="42">
        <v>114188.71987677237</v>
      </c>
      <c r="U27" s="42">
        <v>114950.51027677237</v>
      </c>
      <c r="V27" s="42">
        <v>114950.51027677237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323501.87473273161</v>
      </c>
      <c r="D29" s="48">
        <v>245059.59862273163</v>
      </c>
      <c r="E29" s="48">
        <v>173902.95412753162</v>
      </c>
      <c r="F29" s="48">
        <v>105315.05452753167</v>
      </c>
      <c r="G29" s="48">
        <v>43091.772527531692</v>
      </c>
      <c r="H29" s="48">
        <v>196508.09962618165</v>
      </c>
      <c r="I29" s="48">
        <v>212727.09373618162</v>
      </c>
      <c r="J29" s="48">
        <v>221660.45623138163</v>
      </c>
      <c r="K29" s="48">
        <v>223139.22583138163</v>
      </c>
      <c r="L29" s="48">
        <v>215879.22583138163</v>
      </c>
      <c r="M29" s="48">
        <v>210146.88243658165</v>
      </c>
      <c r="N29" s="48">
        <v>193927.88832658168</v>
      </c>
      <c r="O29" s="48">
        <v>184994.52583138167</v>
      </c>
      <c r="P29" s="48">
        <v>178629.90823138162</v>
      </c>
      <c r="Q29" s="48">
        <v>185889.90823138162</v>
      </c>
      <c r="R29" s="48">
        <v>196508.09962618165</v>
      </c>
      <c r="S29" s="48">
        <v>212727.09373618162</v>
      </c>
      <c r="T29" s="48">
        <v>221660.45623138163</v>
      </c>
      <c r="U29" s="48">
        <v>223139.22583138163</v>
      </c>
      <c r="V29" s="48">
        <v>223139.22583138163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326837.98278583342</v>
      </c>
      <c r="D31" s="42">
        <v>445689.9162858334</v>
      </c>
      <c r="E31" s="42">
        <v>553503.01400583342</v>
      </c>
      <c r="F31" s="42">
        <v>650021.27400583331</v>
      </c>
      <c r="G31" s="42">
        <v>744298.97400583327</v>
      </c>
      <c r="H31" s="42">
        <v>511849.99355333333</v>
      </c>
      <c r="I31" s="42">
        <v>487275.76005333336</v>
      </c>
      <c r="J31" s="42">
        <v>473740.36233333335</v>
      </c>
      <c r="K31" s="42">
        <v>471499.80233333335</v>
      </c>
      <c r="L31" s="42">
        <v>482499.80233333335</v>
      </c>
      <c r="M31" s="42">
        <v>498587.97111333336</v>
      </c>
      <c r="N31" s="42">
        <v>523162.20461333334</v>
      </c>
      <c r="O31" s="42">
        <v>536697.60233333334</v>
      </c>
      <c r="P31" s="42">
        <v>538938.1623333334</v>
      </c>
      <c r="Q31" s="42">
        <v>527938.1623333334</v>
      </c>
      <c r="R31" s="42">
        <v>511849.99355333333</v>
      </c>
      <c r="S31" s="42">
        <v>487275.76005333336</v>
      </c>
      <c r="T31" s="42">
        <v>473740.36233333335</v>
      </c>
      <c r="U31" s="42">
        <v>471499.80233333335</v>
      </c>
      <c r="V31" s="42">
        <v>471499.80233333335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650339.85751856503</v>
      </c>
      <c r="D33" s="48">
        <v>690749.51490856498</v>
      </c>
      <c r="E33" s="48">
        <v>727405.96813336504</v>
      </c>
      <c r="F33" s="48">
        <v>755336.32853336493</v>
      </c>
      <c r="G33" s="48">
        <v>787390.74653336499</v>
      </c>
      <c r="H33" s="48">
        <v>708358.09317951498</v>
      </c>
      <c r="I33" s="48">
        <v>700002.85378951498</v>
      </c>
      <c r="J33" s="48">
        <v>695400.81856471498</v>
      </c>
      <c r="K33" s="48">
        <v>694639.02816471504</v>
      </c>
      <c r="L33" s="48">
        <v>698379.02816471504</v>
      </c>
      <c r="M33" s="48">
        <v>708734.85354991502</v>
      </c>
      <c r="N33" s="48">
        <v>717090.09293991502</v>
      </c>
      <c r="O33" s="48">
        <v>721692.12816471502</v>
      </c>
      <c r="P33" s="48">
        <v>717568.07056471496</v>
      </c>
      <c r="Q33" s="48">
        <v>713828.07056471496</v>
      </c>
      <c r="R33" s="48">
        <v>708358.09317951498</v>
      </c>
      <c r="S33" s="48">
        <v>700002.85378951498</v>
      </c>
      <c r="T33" s="48">
        <v>695400.81856471498</v>
      </c>
      <c r="U33" s="48">
        <v>694639.02816471504</v>
      </c>
      <c r="V33" s="48">
        <v>694639.02816471504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2081741.8032878516</v>
      </c>
      <c r="C35" s="47">
        <v>551829.34389999998</v>
      </c>
      <c r="D35" s="47">
        <v>594259.66749999998</v>
      </c>
      <c r="E35" s="47">
        <v>539065.48860000004</v>
      </c>
      <c r="F35" s="47">
        <v>482591.3</v>
      </c>
      <c r="G35" s="47">
        <v>471388.5</v>
      </c>
      <c r="H35" s="47">
        <v>471388.5</v>
      </c>
      <c r="I35" s="47">
        <v>471388.5</v>
      </c>
      <c r="J35" s="47">
        <v>471388.5</v>
      </c>
      <c r="K35" s="47">
        <v>471388.5</v>
      </c>
      <c r="L35" s="47">
        <v>526388.5</v>
      </c>
      <c r="M35" s="47">
        <v>551829.34389999998</v>
      </c>
      <c r="N35" s="47">
        <v>594259.66749999998</v>
      </c>
      <c r="O35" s="47">
        <v>539065.48860000004</v>
      </c>
      <c r="P35" s="47">
        <v>482591.3</v>
      </c>
      <c r="Q35" s="47">
        <v>471388.5</v>
      </c>
      <c r="R35" s="47">
        <v>471388.5</v>
      </c>
      <c r="S35" s="47">
        <v>471388.5</v>
      </c>
      <c r="T35" s="47">
        <v>471388.5</v>
      </c>
      <c r="U35" s="47">
        <v>471388.5</v>
      </c>
      <c r="V35" s="47">
        <v>454340.20786214905</v>
      </c>
    </row>
    <row r="36" spans="1:22">
      <c r="A36" s="49" t="s">
        <v>75</v>
      </c>
      <c r="B36" s="48">
        <v>2026923.4111500005</v>
      </c>
      <c r="C36" s="48">
        <v>471388.5</v>
      </c>
      <c r="D36" s="48">
        <v>471388.5</v>
      </c>
      <c r="E36" s="48">
        <v>471388.5</v>
      </c>
      <c r="F36" s="48">
        <v>471388.5</v>
      </c>
      <c r="G36" s="48">
        <v>471388.5</v>
      </c>
      <c r="H36" s="48">
        <v>471388.5</v>
      </c>
      <c r="I36" s="48">
        <v>471388.5</v>
      </c>
      <c r="J36" s="48">
        <v>471388.5</v>
      </c>
      <c r="K36" s="48">
        <v>471388.5</v>
      </c>
      <c r="L36" s="48">
        <v>471388.5</v>
      </c>
      <c r="M36" s="48">
        <v>471388.5</v>
      </c>
      <c r="N36" s="48">
        <v>471388.5</v>
      </c>
      <c r="O36" s="48">
        <v>471388.5</v>
      </c>
      <c r="P36" s="48">
        <v>471388.5</v>
      </c>
      <c r="Q36" s="48">
        <v>471388.5</v>
      </c>
      <c r="R36" s="48">
        <v>471388.5</v>
      </c>
      <c r="S36" s="48">
        <v>471388.5</v>
      </c>
      <c r="T36" s="48">
        <v>471388.5</v>
      </c>
      <c r="U36" s="48">
        <v>471388.5</v>
      </c>
      <c r="V36" s="48">
        <v>471388.5</v>
      </c>
    </row>
    <row r="37" spans="1:22">
      <c r="A37" s="50" t="s">
        <v>76</v>
      </c>
      <c r="B37" s="42">
        <v>33000</v>
      </c>
      <c r="C37" s="42">
        <v>80440.843899999993</v>
      </c>
      <c r="D37" s="42">
        <v>122871.1675</v>
      </c>
      <c r="E37" s="42">
        <v>67676.98860000001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22871.1675</v>
      </c>
      <c r="O37" s="42">
        <v>67676.98860000001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17048.292137850949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17048.292137850949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20034.011250000003</v>
      </c>
      <c r="D41" s="46">
        <v>20034.011250000003</v>
      </c>
      <c r="E41" s="46">
        <v>20034.011250000003</v>
      </c>
      <c r="F41" s="46">
        <v>20034.011250000003</v>
      </c>
      <c r="G41" s="46">
        <v>20034.011250000003</v>
      </c>
      <c r="H41" s="46">
        <v>20034.011250000003</v>
      </c>
      <c r="I41" s="46">
        <v>20034.011250000003</v>
      </c>
      <c r="J41" s="46">
        <v>20034.011250000003</v>
      </c>
      <c r="K41" s="46">
        <v>20034.011250000003</v>
      </c>
      <c r="L41" s="46">
        <v>20034.011250000003</v>
      </c>
      <c r="M41" s="46">
        <v>20034.011250000003</v>
      </c>
      <c r="N41" s="46">
        <v>20034.011250000003</v>
      </c>
      <c r="O41" s="46">
        <v>20034.011250000003</v>
      </c>
      <c r="P41" s="46">
        <v>20034.011250000003</v>
      </c>
      <c r="Q41" s="46">
        <v>20034.011250000003</v>
      </c>
      <c r="R41" s="46">
        <v>20034.011250000003</v>
      </c>
      <c r="S41" s="46">
        <v>20034.011250000003</v>
      </c>
      <c r="T41" s="46">
        <v>20034.011250000003</v>
      </c>
      <c r="U41" s="46">
        <v>20034.011250000003</v>
      </c>
      <c r="V41" s="46">
        <v>1364816.7503108333</v>
      </c>
    </row>
    <row r="42" spans="1:22">
      <c r="A42" s="41" t="s">
        <v>80</v>
      </c>
      <c r="B42" s="41"/>
      <c r="C42" s="47">
        <v>20034.011250000003</v>
      </c>
      <c r="D42" s="47">
        <v>20034.011250000003</v>
      </c>
      <c r="E42" s="47">
        <v>20034.011250000003</v>
      </c>
      <c r="F42" s="47">
        <v>20034.011250000003</v>
      </c>
      <c r="G42" s="47">
        <v>20034.011250000003</v>
      </c>
      <c r="H42" s="47">
        <v>20034.011250000003</v>
      </c>
      <c r="I42" s="47">
        <v>20034.011250000003</v>
      </c>
      <c r="J42" s="47">
        <v>20034.011250000003</v>
      </c>
      <c r="K42" s="47">
        <v>20034.011250000003</v>
      </c>
      <c r="L42" s="47">
        <v>20034.011250000003</v>
      </c>
      <c r="M42" s="47">
        <v>20034.011250000003</v>
      </c>
      <c r="N42" s="47">
        <v>20034.011250000003</v>
      </c>
      <c r="O42" s="47">
        <v>20034.011250000003</v>
      </c>
      <c r="P42" s="47">
        <v>20034.011250000003</v>
      </c>
      <c r="Q42" s="47">
        <v>20034.011250000003</v>
      </c>
      <c r="R42" s="47">
        <v>20034.011250000003</v>
      </c>
      <c r="S42" s="47">
        <v>20034.011250000003</v>
      </c>
      <c r="T42" s="47">
        <v>20034.011250000003</v>
      </c>
      <c r="U42" s="47">
        <v>20034.011250000003</v>
      </c>
      <c r="V42" s="47">
        <v>1362272.6969775001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6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2081741.8032878516</v>
      </c>
      <c r="C45" s="53">
        <v>118544.52486856506</v>
      </c>
      <c r="D45" s="53">
        <v>116523.858658565</v>
      </c>
      <c r="E45" s="53">
        <v>208374.49078336501</v>
      </c>
      <c r="F45" s="53">
        <v>292779.03978336492</v>
      </c>
      <c r="G45" s="53">
        <v>336036.25778336497</v>
      </c>
      <c r="H45" s="53">
        <v>257003.60442951499</v>
      </c>
      <c r="I45" s="53">
        <v>248648.36503951499</v>
      </c>
      <c r="J45" s="53">
        <v>244046.32981471499</v>
      </c>
      <c r="K45" s="53">
        <v>243284.53941471505</v>
      </c>
      <c r="L45" s="53">
        <v>192024.53941471505</v>
      </c>
      <c r="M45" s="53">
        <v>176939.52089991505</v>
      </c>
      <c r="N45" s="53">
        <v>142864.43668991505</v>
      </c>
      <c r="O45" s="53">
        <v>202660.65081471499</v>
      </c>
      <c r="P45" s="53">
        <v>255010.78181471498</v>
      </c>
      <c r="Q45" s="53">
        <v>262473.58181471494</v>
      </c>
      <c r="R45" s="53">
        <v>257003.60442951499</v>
      </c>
      <c r="S45" s="53">
        <v>248648.36503951499</v>
      </c>
      <c r="T45" s="53">
        <v>244046.32981471499</v>
      </c>
      <c r="U45" s="53">
        <v>243284.53941471505</v>
      </c>
      <c r="V45" s="53">
        <v>1605115.5706133994</v>
      </c>
    </row>
    <row r="46" spans="1:22">
      <c r="A46" s="41"/>
      <c r="B46" s="42"/>
      <c r="C46" s="42"/>
      <c r="D46" s="42"/>
      <c r="E46" s="42"/>
      <c r="F46" s="42"/>
      <c r="G46" s="42"/>
      <c r="H46" s="42"/>
      <c r="I46" s="42"/>
      <c r="J46" s="42"/>
      <c r="K46" s="42"/>
      <c r="L46" s="42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2"/>
      <c r="C48" s="42"/>
      <c r="D48" s="42"/>
      <c r="E48" s="42"/>
      <c r="F48" s="42"/>
      <c r="G48" s="42"/>
      <c r="H48" s="42"/>
      <c r="I48" s="42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326837.98278583342</v>
      </c>
      <c r="D55" s="60">
        <v>445689.9162858334</v>
      </c>
      <c r="E55" s="60">
        <v>553503.01400583342</v>
      </c>
      <c r="F55" s="60">
        <v>650021.27400583331</v>
      </c>
      <c r="G55" s="60">
        <v>744298.97400583327</v>
      </c>
      <c r="H55" s="60">
        <v>511849.99355333333</v>
      </c>
      <c r="I55" s="60">
        <v>487275.76005333336</v>
      </c>
      <c r="J55" s="60">
        <v>473740.36233333335</v>
      </c>
      <c r="K55" s="60">
        <v>471499.80233333335</v>
      </c>
      <c r="L55" s="60">
        <v>482499.80233333335</v>
      </c>
      <c r="M55" s="60">
        <v>498587.97111333336</v>
      </c>
      <c r="N55" s="60">
        <v>523162.20461333334</v>
      </c>
      <c r="O55" s="60">
        <v>536697.60233333334</v>
      </c>
      <c r="P55" s="60">
        <v>538938.1623333334</v>
      </c>
      <c r="Q55" s="60">
        <v>527938.1623333334</v>
      </c>
      <c r="R55" s="60">
        <v>511849.99355333333</v>
      </c>
      <c r="S55" s="60">
        <v>487275.76005333336</v>
      </c>
      <c r="T55" s="60">
        <v>473740.36233333335</v>
      </c>
      <c r="U55" s="60">
        <v>471499.80233333335</v>
      </c>
      <c r="V55" s="61">
        <v>471499.80233333335</v>
      </c>
    </row>
    <row r="56" spans="1:22">
      <c r="A56" s="62" t="s">
        <v>84</v>
      </c>
      <c r="B56" s="63"/>
      <c r="C56" s="65">
        <v>304038.51167250006</v>
      </c>
      <c r="D56" s="65">
        <v>398316.21167250007</v>
      </c>
      <c r="E56" s="65">
        <v>492593.91167250008</v>
      </c>
      <c r="F56" s="65">
        <v>586871.61167250003</v>
      </c>
      <c r="G56" s="65">
        <v>681149.31167249999</v>
      </c>
      <c r="H56" s="65">
        <v>471388.5</v>
      </c>
      <c r="I56" s="65">
        <v>471388.5</v>
      </c>
      <c r="J56" s="65">
        <v>471388.5</v>
      </c>
      <c r="K56" s="65">
        <v>471388.5</v>
      </c>
      <c r="L56" s="65">
        <v>471388.5</v>
      </c>
      <c r="M56" s="65">
        <v>471388.5</v>
      </c>
      <c r="N56" s="65">
        <v>471388.5</v>
      </c>
      <c r="O56" s="65">
        <v>471388.5</v>
      </c>
      <c r="P56" s="65">
        <v>471388.5</v>
      </c>
      <c r="Q56" s="65">
        <v>471388.5</v>
      </c>
      <c r="R56" s="65">
        <v>471388.5</v>
      </c>
      <c r="S56" s="65">
        <v>471388.5</v>
      </c>
      <c r="T56" s="65">
        <v>471388.5</v>
      </c>
      <c r="U56" s="65">
        <v>471388.5</v>
      </c>
      <c r="V56" s="66">
        <v>471388.5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8" spans="11:11" ht="12.75">
      <c r="K88" s="161" t="s">
        <v>171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>
  <sheetPr codeName="Plan15"/>
  <dimension ref="A1:V88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2.5" customHeight="1">
      <c r="A1" s="158" t="s">
        <v>90</v>
      </c>
    </row>
    <row r="4" spans="1:22" ht="18">
      <c r="A4" s="158" t="s">
        <v>153</v>
      </c>
    </row>
    <row r="5" spans="1:22" ht="15.75">
      <c r="A5" s="166" t="s">
        <v>157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1">
        <v>19591.969015468319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1063.124437859327</v>
      </c>
    </row>
    <row r="11" spans="1:22" ht="12.75">
      <c r="A11" s="167" t="s">
        <v>60</v>
      </c>
      <c r="B11" s="168"/>
      <c r="C11" s="175">
        <v>4115.8012839999992</v>
      </c>
    </row>
    <row r="12" spans="1:22" ht="12.75">
      <c r="A12" s="167" t="s">
        <v>61</v>
      </c>
      <c r="B12" s="168"/>
      <c r="C12" s="176">
        <v>6947.3231538593282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75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2351036.2818561983</v>
      </c>
      <c r="D17" s="42">
        <v>2351036.2818561983</v>
      </c>
      <c r="E17" s="42">
        <v>2351036.2818561983</v>
      </c>
      <c r="F17" s="42">
        <v>2351036.2818561983</v>
      </c>
      <c r="G17" s="42">
        <v>2351036.2818561983</v>
      </c>
      <c r="H17" s="42">
        <v>2351036.2818561983</v>
      </c>
      <c r="I17" s="42">
        <v>2351036.2818561983</v>
      </c>
      <c r="J17" s="42">
        <v>2351036.2818561983</v>
      </c>
      <c r="K17" s="42">
        <v>2351036.2818561983</v>
      </c>
      <c r="L17" s="42">
        <v>2351036.2818561983</v>
      </c>
      <c r="M17" s="42">
        <v>2351036.2818561983</v>
      </c>
      <c r="N17" s="42">
        <v>2351036.2818561983</v>
      </c>
      <c r="O17" s="42">
        <v>2351036.2818561983</v>
      </c>
      <c r="P17" s="42">
        <v>2351036.2818561983</v>
      </c>
      <c r="Q17" s="42">
        <v>2351036.2818561983</v>
      </c>
      <c r="R17" s="42">
        <v>2351036.2818561983</v>
      </c>
      <c r="S17" s="42">
        <v>2351036.2818561983</v>
      </c>
      <c r="T17" s="42">
        <v>2351036.2818561983</v>
      </c>
      <c r="U17" s="42">
        <v>2351036.2818561983</v>
      </c>
      <c r="V17" s="42">
        <v>2351036.2818561983</v>
      </c>
    </row>
    <row r="18" spans="1:22">
      <c r="A18" s="45" t="s">
        <v>65</v>
      </c>
      <c r="B18" s="45"/>
      <c r="C18" s="46">
        <v>47020.725637123971</v>
      </c>
      <c r="D18" s="46">
        <v>47020.725637123971</v>
      </c>
      <c r="E18" s="46">
        <v>47020.725637123971</v>
      </c>
      <c r="F18" s="46">
        <v>47020.725637123971</v>
      </c>
      <c r="G18" s="46">
        <v>47020.725637123971</v>
      </c>
      <c r="H18" s="46">
        <v>47020.725637123971</v>
      </c>
      <c r="I18" s="46">
        <v>47020.725637123971</v>
      </c>
      <c r="J18" s="46">
        <v>47020.725637123971</v>
      </c>
      <c r="K18" s="46">
        <v>47020.725637123971</v>
      </c>
      <c r="L18" s="46">
        <v>47020.725637123971</v>
      </c>
      <c r="M18" s="46">
        <v>47020.725637123971</v>
      </c>
      <c r="N18" s="46">
        <v>47020.725637123971</v>
      </c>
      <c r="O18" s="46">
        <v>47020.725637123971</v>
      </c>
      <c r="P18" s="46">
        <v>47020.725637123971</v>
      </c>
      <c r="Q18" s="46">
        <v>47020.725637123971</v>
      </c>
      <c r="R18" s="46">
        <v>47020.725637123971</v>
      </c>
      <c r="S18" s="46">
        <v>47020.725637123971</v>
      </c>
      <c r="T18" s="46">
        <v>47020.725637123971</v>
      </c>
      <c r="U18" s="46">
        <v>47020.725637123971</v>
      </c>
      <c r="V18" s="46">
        <v>47020.725637123971</v>
      </c>
    </row>
    <row r="19" spans="1:22">
      <c r="A19" s="41" t="s">
        <v>66</v>
      </c>
      <c r="B19" s="41"/>
      <c r="C19" s="47">
        <v>2304015.5562190744</v>
      </c>
      <c r="D19" s="47">
        <v>2304015.5562190744</v>
      </c>
      <c r="E19" s="47">
        <v>2304015.5562190744</v>
      </c>
      <c r="F19" s="47">
        <v>2304015.5562190744</v>
      </c>
      <c r="G19" s="47">
        <v>2304015.5562190744</v>
      </c>
      <c r="H19" s="47">
        <v>2304015.5562190744</v>
      </c>
      <c r="I19" s="47">
        <v>2304015.5562190744</v>
      </c>
      <c r="J19" s="47">
        <v>2304015.5562190744</v>
      </c>
      <c r="K19" s="47">
        <v>2304015.5562190744</v>
      </c>
      <c r="L19" s="47">
        <v>2304015.5562190744</v>
      </c>
      <c r="M19" s="47">
        <v>2304015.5562190744</v>
      </c>
      <c r="N19" s="47">
        <v>2304015.5562190744</v>
      </c>
      <c r="O19" s="47">
        <v>2304015.5562190744</v>
      </c>
      <c r="P19" s="47">
        <v>2304015.5562190744</v>
      </c>
      <c r="Q19" s="47">
        <v>2304015.5562190744</v>
      </c>
      <c r="R19" s="47">
        <v>2304015.5562190744</v>
      </c>
      <c r="S19" s="47">
        <v>2304015.5562190744</v>
      </c>
      <c r="T19" s="47">
        <v>2304015.5562190744</v>
      </c>
      <c r="U19" s="47">
        <v>2304015.5562190744</v>
      </c>
      <c r="V19" s="47">
        <v>2304015.5562190744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334578.1325431191</v>
      </c>
      <c r="D21" s="46">
        <v>1334578.1325431191</v>
      </c>
      <c r="E21" s="46">
        <v>1334578.1325431191</v>
      </c>
      <c r="F21" s="46">
        <v>1341980.9325431192</v>
      </c>
      <c r="G21" s="46">
        <v>1341980.9325431192</v>
      </c>
      <c r="H21" s="46">
        <v>1341980.9325431192</v>
      </c>
      <c r="I21" s="46">
        <v>1341980.9325431192</v>
      </c>
      <c r="J21" s="46">
        <v>1341980.9325431192</v>
      </c>
      <c r="K21" s="46">
        <v>1341980.9325431192</v>
      </c>
      <c r="L21" s="46">
        <v>1341980.9325431192</v>
      </c>
      <c r="M21" s="48">
        <v>1334578.1325431191</v>
      </c>
      <c r="N21" s="48">
        <v>1334578.1325431191</v>
      </c>
      <c r="O21" s="48">
        <v>1334578.1325431191</v>
      </c>
      <c r="P21" s="48">
        <v>1341980.9325431192</v>
      </c>
      <c r="Q21" s="48">
        <v>1341980.9325431192</v>
      </c>
      <c r="R21" s="48">
        <v>1341980.9325431192</v>
      </c>
      <c r="S21" s="48">
        <v>1341980.9325431192</v>
      </c>
      <c r="T21" s="48">
        <v>1341980.9325431192</v>
      </c>
      <c r="U21" s="48">
        <v>1341980.9325431192</v>
      </c>
      <c r="V21" s="48">
        <v>1341980.9325431192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387645.68512033345</v>
      </c>
      <c r="D23" s="42">
        <v>525353.15862033342</v>
      </c>
      <c r="E23" s="42">
        <v>652021.79634033341</v>
      </c>
      <c r="F23" s="42">
        <v>767395.59634033334</v>
      </c>
      <c r="G23" s="42">
        <v>880528.83634033334</v>
      </c>
      <c r="H23" s="42">
        <v>606127.69355333329</v>
      </c>
      <c r="I23" s="42">
        <v>581553.4600533332</v>
      </c>
      <c r="J23" s="42">
        <v>568018.06233333331</v>
      </c>
      <c r="K23" s="42">
        <v>565777.50233333325</v>
      </c>
      <c r="L23" s="42">
        <v>576777.50233333325</v>
      </c>
      <c r="M23" s="42">
        <v>592865.6711133332</v>
      </c>
      <c r="N23" s="42">
        <v>617439.90461333329</v>
      </c>
      <c r="O23" s="42">
        <v>630975.3023333333</v>
      </c>
      <c r="P23" s="42">
        <v>633215.86233333324</v>
      </c>
      <c r="Q23" s="42">
        <v>622215.86233333324</v>
      </c>
      <c r="R23" s="42">
        <v>606127.69355333329</v>
      </c>
      <c r="S23" s="42">
        <v>581553.4600533332</v>
      </c>
      <c r="T23" s="42">
        <v>568018.06233333331</v>
      </c>
      <c r="U23" s="42">
        <v>565777.50233333325</v>
      </c>
      <c r="V23" s="42">
        <v>565777.50233333325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581791.73855562182</v>
      </c>
      <c r="D25" s="48">
        <v>444084.26505562186</v>
      </c>
      <c r="E25" s="48">
        <v>317415.62733562186</v>
      </c>
      <c r="F25" s="48">
        <v>194639.02733562188</v>
      </c>
      <c r="G25" s="48">
        <v>81505.787335621892</v>
      </c>
      <c r="H25" s="48">
        <v>355906.93012262194</v>
      </c>
      <c r="I25" s="48">
        <v>380481.16362262203</v>
      </c>
      <c r="J25" s="48">
        <v>394016.56134262192</v>
      </c>
      <c r="K25" s="48">
        <v>396257.12134262198</v>
      </c>
      <c r="L25" s="48">
        <v>385257.12134262198</v>
      </c>
      <c r="M25" s="48">
        <v>376571.75256262207</v>
      </c>
      <c r="N25" s="48">
        <v>351997.51906262198</v>
      </c>
      <c r="O25" s="48">
        <v>338462.12134262198</v>
      </c>
      <c r="P25" s="48">
        <v>328818.76134262199</v>
      </c>
      <c r="Q25" s="48">
        <v>339818.76134262199</v>
      </c>
      <c r="R25" s="48">
        <v>355906.93012262194</v>
      </c>
      <c r="S25" s="48">
        <v>380481.16362262203</v>
      </c>
      <c r="T25" s="48">
        <v>394016.56134262192</v>
      </c>
      <c r="U25" s="48">
        <v>396257.12134262198</v>
      </c>
      <c r="V25" s="48">
        <v>396257.12134262198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197809.19110891144</v>
      </c>
      <c r="D27" s="42">
        <v>150988.65011891144</v>
      </c>
      <c r="E27" s="42">
        <v>107921.31329411145</v>
      </c>
      <c r="F27" s="42">
        <v>66177.269294111451</v>
      </c>
      <c r="G27" s="42">
        <v>27711.967694111445</v>
      </c>
      <c r="H27" s="42">
        <v>121008.35624169146</v>
      </c>
      <c r="I27" s="42">
        <v>129363.5956316915</v>
      </c>
      <c r="J27" s="42">
        <v>133965.63085649145</v>
      </c>
      <c r="K27" s="42">
        <v>134727.42125649148</v>
      </c>
      <c r="L27" s="42">
        <v>130987.42125649148</v>
      </c>
      <c r="M27" s="42">
        <v>128034.39587129152</v>
      </c>
      <c r="N27" s="42">
        <v>119679.15648129149</v>
      </c>
      <c r="O27" s="42">
        <v>115077.12125649147</v>
      </c>
      <c r="P27" s="42">
        <v>111798.37885649149</v>
      </c>
      <c r="Q27" s="42">
        <v>115538.37885649149</v>
      </c>
      <c r="R27" s="42">
        <v>121008.35624169146</v>
      </c>
      <c r="S27" s="42">
        <v>129363.5956316915</v>
      </c>
      <c r="T27" s="42">
        <v>133965.63085649145</v>
      </c>
      <c r="U27" s="42">
        <v>134727.42125649148</v>
      </c>
      <c r="V27" s="42">
        <v>134727.42125649148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383982.54744671041</v>
      </c>
      <c r="D29" s="48">
        <v>293095.61493671045</v>
      </c>
      <c r="E29" s="48">
        <v>209494.3140415104</v>
      </c>
      <c r="F29" s="48">
        <v>128461.75804151043</v>
      </c>
      <c r="G29" s="48">
        <v>53793.819641510447</v>
      </c>
      <c r="H29" s="48">
        <v>234898.57388093049</v>
      </c>
      <c r="I29" s="48">
        <v>251117.56799093052</v>
      </c>
      <c r="J29" s="48">
        <v>260050.93048613047</v>
      </c>
      <c r="K29" s="48">
        <v>261529.7000861305</v>
      </c>
      <c r="L29" s="48">
        <v>254269.7000861305</v>
      </c>
      <c r="M29" s="48">
        <v>248537.35669133055</v>
      </c>
      <c r="N29" s="48">
        <v>232318.3625813305</v>
      </c>
      <c r="O29" s="48">
        <v>223385.00008613052</v>
      </c>
      <c r="P29" s="48">
        <v>217020.38248613052</v>
      </c>
      <c r="Q29" s="48">
        <v>224280.38248613052</v>
      </c>
      <c r="R29" s="48">
        <v>234898.57388093049</v>
      </c>
      <c r="S29" s="48">
        <v>251117.56799093052</v>
      </c>
      <c r="T29" s="48">
        <v>260050.93048613047</v>
      </c>
      <c r="U29" s="48">
        <v>261529.7000861305</v>
      </c>
      <c r="V29" s="48">
        <v>261529.7000861305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387645.68512033345</v>
      </c>
      <c r="D31" s="42">
        <v>525353.15862033342</v>
      </c>
      <c r="E31" s="42">
        <v>652021.79634033341</v>
      </c>
      <c r="F31" s="42">
        <v>767395.59634033334</v>
      </c>
      <c r="G31" s="42">
        <v>880528.83634033334</v>
      </c>
      <c r="H31" s="42">
        <v>606127.69355333329</v>
      </c>
      <c r="I31" s="42">
        <v>581553.4600533332</v>
      </c>
      <c r="J31" s="42">
        <v>568018.06233333331</v>
      </c>
      <c r="K31" s="42">
        <v>565777.50233333325</v>
      </c>
      <c r="L31" s="42">
        <v>576777.50233333325</v>
      </c>
      <c r="M31" s="42">
        <v>592865.6711133332</v>
      </c>
      <c r="N31" s="42">
        <v>617439.90461333329</v>
      </c>
      <c r="O31" s="42">
        <v>630975.3023333333</v>
      </c>
      <c r="P31" s="42">
        <v>633215.86233333324</v>
      </c>
      <c r="Q31" s="42">
        <v>622215.86233333324</v>
      </c>
      <c r="R31" s="42">
        <v>606127.69355333329</v>
      </c>
      <c r="S31" s="42">
        <v>581553.4600533332</v>
      </c>
      <c r="T31" s="42">
        <v>568018.06233333331</v>
      </c>
      <c r="U31" s="42">
        <v>565777.50233333325</v>
      </c>
      <c r="V31" s="42">
        <v>565777.50233333325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771628.23256704386</v>
      </c>
      <c r="D33" s="48">
        <v>818448.77355704387</v>
      </c>
      <c r="E33" s="48">
        <v>861516.11038184376</v>
      </c>
      <c r="F33" s="48">
        <v>895857.35438184382</v>
      </c>
      <c r="G33" s="48">
        <v>934322.65598184383</v>
      </c>
      <c r="H33" s="48">
        <v>841026.26743426383</v>
      </c>
      <c r="I33" s="48">
        <v>832671.02804426372</v>
      </c>
      <c r="J33" s="48">
        <v>828068.99281946383</v>
      </c>
      <c r="K33" s="48">
        <v>827307.20241946378</v>
      </c>
      <c r="L33" s="48">
        <v>831047.20241946378</v>
      </c>
      <c r="M33" s="48">
        <v>841403.02780466375</v>
      </c>
      <c r="N33" s="48">
        <v>849758.26719466376</v>
      </c>
      <c r="O33" s="48">
        <v>854360.30241946387</v>
      </c>
      <c r="P33" s="48">
        <v>850236.2448194637</v>
      </c>
      <c r="Q33" s="48">
        <v>846496.2448194637</v>
      </c>
      <c r="R33" s="48">
        <v>841026.26743426383</v>
      </c>
      <c r="S33" s="48">
        <v>832671.02804426372</v>
      </c>
      <c r="T33" s="48">
        <v>828068.99281946383</v>
      </c>
      <c r="U33" s="48">
        <v>827307.20241946378</v>
      </c>
      <c r="V33" s="48">
        <v>827307.20241946378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2488360.0856066188</v>
      </c>
      <c r="C35" s="47">
        <v>646107.04389999993</v>
      </c>
      <c r="D35" s="47">
        <v>688537.36749999993</v>
      </c>
      <c r="E35" s="47">
        <v>633343.18859999999</v>
      </c>
      <c r="F35" s="47">
        <v>576869</v>
      </c>
      <c r="G35" s="47">
        <v>565666.19999999995</v>
      </c>
      <c r="H35" s="47">
        <v>565666.19999999995</v>
      </c>
      <c r="I35" s="47">
        <v>565666.19999999995</v>
      </c>
      <c r="J35" s="47">
        <v>565666.19999999995</v>
      </c>
      <c r="K35" s="47">
        <v>565666.19999999995</v>
      </c>
      <c r="L35" s="47">
        <v>620666.19999999995</v>
      </c>
      <c r="M35" s="47">
        <v>646107.04389999993</v>
      </c>
      <c r="N35" s="47">
        <v>688537.36749999993</v>
      </c>
      <c r="O35" s="47">
        <v>633343.18859999999</v>
      </c>
      <c r="P35" s="47">
        <v>576869</v>
      </c>
      <c r="Q35" s="47">
        <v>565666.19999999995</v>
      </c>
      <c r="R35" s="47">
        <v>565666.19999999995</v>
      </c>
      <c r="S35" s="47">
        <v>565666.19999999995</v>
      </c>
      <c r="T35" s="47">
        <v>565666.19999999995</v>
      </c>
      <c r="U35" s="47">
        <v>565666.19999999995</v>
      </c>
      <c r="V35" s="47">
        <v>547384.30777338194</v>
      </c>
    </row>
    <row r="36" spans="1:22">
      <c r="A36" s="49" t="s">
        <v>75</v>
      </c>
      <c r="B36" s="48">
        <v>2432308.0933800004</v>
      </c>
      <c r="C36" s="48">
        <v>565666.19999999995</v>
      </c>
      <c r="D36" s="48">
        <v>565666.19999999995</v>
      </c>
      <c r="E36" s="48">
        <v>565666.19999999995</v>
      </c>
      <c r="F36" s="48">
        <v>565666.19999999995</v>
      </c>
      <c r="G36" s="48">
        <v>565666.19999999995</v>
      </c>
      <c r="H36" s="48">
        <v>565666.19999999995</v>
      </c>
      <c r="I36" s="48">
        <v>565666.19999999995</v>
      </c>
      <c r="J36" s="48">
        <v>565666.19999999995</v>
      </c>
      <c r="K36" s="48">
        <v>565666.19999999995</v>
      </c>
      <c r="L36" s="48">
        <v>565666.19999999995</v>
      </c>
      <c r="M36" s="48">
        <v>565666.19999999995</v>
      </c>
      <c r="N36" s="48">
        <v>565666.19999999995</v>
      </c>
      <c r="O36" s="48">
        <v>565666.19999999995</v>
      </c>
      <c r="P36" s="48">
        <v>565666.19999999995</v>
      </c>
      <c r="Q36" s="48">
        <v>565666.19999999995</v>
      </c>
      <c r="R36" s="48">
        <v>565666.19999999995</v>
      </c>
      <c r="S36" s="48">
        <v>565666.19999999995</v>
      </c>
      <c r="T36" s="48">
        <v>565666.19999999995</v>
      </c>
      <c r="U36" s="48">
        <v>565666.19999999995</v>
      </c>
      <c r="V36" s="48">
        <v>565666.19999999995</v>
      </c>
    </row>
    <row r="37" spans="1:22">
      <c r="A37" s="50" t="s">
        <v>76</v>
      </c>
      <c r="B37" s="42">
        <v>33000</v>
      </c>
      <c r="C37" s="42">
        <v>80440.843899999993</v>
      </c>
      <c r="D37" s="42">
        <v>122871.1675</v>
      </c>
      <c r="E37" s="42">
        <v>67676.988600000012</v>
      </c>
      <c r="F37" s="42">
        <v>11202.8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55000</v>
      </c>
      <c r="M37" s="42">
        <v>80440.843899999993</v>
      </c>
      <c r="N37" s="42">
        <v>122871.1675</v>
      </c>
      <c r="O37" s="42">
        <v>67676.988600000012</v>
      </c>
      <c r="P37" s="42">
        <v>11202.8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18281.892226618071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18281.892226618071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24040.813499999997</v>
      </c>
      <c r="D41" s="46">
        <v>24040.813499999997</v>
      </c>
      <c r="E41" s="46">
        <v>24040.813499999997</v>
      </c>
      <c r="F41" s="46">
        <v>24040.813499999997</v>
      </c>
      <c r="G41" s="46">
        <v>24040.813499999997</v>
      </c>
      <c r="H41" s="46">
        <v>24040.813499999997</v>
      </c>
      <c r="I41" s="46">
        <v>24040.813499999997</v>
      </c>
      <c r="J41" s="46">
        <v>24040.813499999997</v>
      </c>
      <c r="K41" s="46">
        <v>24040.813499999997</v>
      </c>
      <c r="L41" s="46">
        <v>24040.813499999997</v>
      </c>
      <c r="M41" s="46">
        <v>24040.813499999997</v>
      </c>
      <c r="N41" s="46">
        <v>24040.813499999997</v>
      </c>
      <c r="O41" s="46">
        <v>24040.813499999997</v>
      </c>
      <c r="P41" s="46">
        <v>24040.813499999997</v>
      </c>
      <c r="Q41" s="46">
        <v>24040.813499999997</v>
      </c>
      <c r="R41" s="46">
        <v>24040.813499999997</v>
      </c>
      <c r="S41" s="46">
        <v>24040.813499999997</v>
      </c>
      <c r="T41" s="46">
        <v>24040.813499999997</v>
      </c>
      <c r="U41" s="46">
        <v>24040.813499999997</v>
      </c>
      <c r="V41" s="46">
        <v>1637271.2897063331</v>
      </c>
    </row>
    <row r="42" spans="1:22">
      <c r="A42" s="41" t="s">
        <v>80</v>
      </c>
      <c r="B42" s="41"/>
      <c r="C42" s="47">
        <v>24040.813499999997</v>
      </c>
      <c r="D42" s="47">
        <v>24040.813499999997</v>
      </c>
      <c r="E42" s="47">
        <v>24040.813499999997</v>
      </c>
      <c r="F42" s="47">
        <v>24040.813499999997</v>
      </c>
      <c r="G42" s="47">
        <v>24040.813499999997</v>
      </c>
      <c r="H42" s="47">
        <v>24040.813499999997</v>
      </c>
      <c r="I42" s="47">
        <v>24040.813499999997</v>
      </c>
      <c r="J42" s="47">
        <v>24040.813499999997</v>
      </c>
      <c r="K42" s="47">
        <v>24040.813499999997</v>
      </c>
      <c r="L42" s="47">
        <v>24040.813499999997</v>
      </c>
      <c r="M42" s="47">
        <v>24040.813499999997</v>
      </c>
      <c r="N42" s="47">
        <v>24040.813499999997</v>
      </c>
      <c r="O42" s="47">
        <v>24040.813499999997</v>
      </c>
      <c r="P42" s="47">
        <v>24040.813499999997</v>
      </c>
      <c r="Q42" s="47">
        <v>24040.813499999997</v>
      </c>
      <c r="R42" s="47">
        <v>24040.813499999997</v>
      </c>
      <c r="S42" s="47">
        <v>24040.813499999997</v>
      </c>
      <c r="T42" s="47">
        <v>24040.813499999997</v>
      </c>
      <c r="U42" s="47">
        <v>24040.813499999997</v>
      </c>
      <c r="V42" s="47">
        <v>1634727.2363729998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2488360.0856066188</v>
      </c>
      <c r="C45" s="53">
        <v>149562.00216704392</v>
      </c>
      <c r="D45" s="53">
        <v>153952.21955704392</v>
      </c>
      <c r="E45" s="53">
        <v>252213.73528184375</v>
      </c>
      <c r="F45" s="53">
        <v>343029.16788184381</v>
      </c>
      <c r="G45" s="53">
        <v>392697.26948184386</v>
      </c>
      <c r="H45" s="53">
        <v>299400.88093426387</v>
      </c>
      <c r="I45" s="53">
        <v>291045.64154426375</v>
      </c>
      <c r="J45" s="53">
        <v>286443.60631946387</v>
      </c>
      <c r="K45" s="53">
        <v>285681.81591946381</v>
      </c>
      <c r="L45" s="53">
        <v>234421.81591946381</v>
      </c>
      <c r="M45" s="53">
        <v>219336.79740466381</v>
      </c>
      <c r="N45" s="53">
        <v>185261.71319466381</v>
      </c>
      <c r="O45" s="53">
        <v>245057.92731946387</v>
      </c>
      <c r="P45" s="53">
        <v>297408.05831946369</v>
      </c>
      <c r="Q45" s="53">
        <v>304870.85831946373</v>
      </c>
      <c r="R45" s="53">
        <v>299400.88093426387</v>
      </c>
      <c r="S45" s="53">
        <v>291045.64154426375</v>
      </c>
      <c r="T45" s="53">
        <v>286443.60631946387</v>
      </c>
      <c r="U45" s="53">
        <v>285681.81591946381</v>
      </c>
      <c r="V45" s="53">
        <v>1917194.1843524149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387645.68512033345</v>
      </c>
      <c r="D55" s="60">
        <v>525353.15862033342</v>
      </c>
      <c r="E55" s="60">
        <v>652021.79634033341</v>
      </c>
      <c r="F55" s="60">
        <v>767395.59634033334</v>
      </c>
      <c r="G55" s="60">
        <v>880528.83634033334</v>
      </c>
      <c r="H55" s="60">
        <v>606127.69355333329</v>
      </c>
      <c r="I55" s="60">
        <v>581553.4600533332</v>
      </c>
      <c r="J55" s="60">
        <v>568018.06233333331</v>
      </c>
      <c r="K55" s="60">
        <v>565777.50233333325</v>
      </c>
      <c r="L55" s="60">
        <v>576777.50233333325</v>
      </c>
      <c r="M55" s="60">
        <v>592865.6711133332</v>
      </c>
      <c r="N55" s="60">
        <v>617439.90461333329</v>
      </c>
      <c r="O55" s="60">
        <v>630975.3023333333</v>
      </c>
      <c r="P55" s="60">
        <v>633215.86233333324</v>
      </c>
      <c r="Q55" s="60">
        <v>622215.86233333324</v>
      </c>
      <c r="R55" s="60">
        <v>606127.69355333329</v>
      </c>
      <c r="S55" s="60">
        <v>581553.4600533332</v>
      </c>
      <c r="T55" s="60">
        <v>568018.06233333331</v>
      </c>
      <c r="U55" s="60">
        <v>565777.50233333325</v>
      </c>
      <c r="V55" s="61">
        <v>565777.50233333325</v>
      </c>
    </row>
    <row r="56" spans="1:22">
      <c r="A56" s="62" t="s">
        <v>84</v>
      </c>
      <c r="B56" s="63"/>
      <c r="C56" s="65">
        <v>364846.21400700009</v>
      </c>
      <c r="D56" s="65">
        <v>477979.45400700008</v>
      </c>
      <c r="E56" s="65">
        <v>591112.69400700007</v>
      </c>
      <c r="F56" s="65">
        <v>704245.93400700006</v>
      </c>
      <c r="G56" s="65">
        <v>817379.17400700005</v>
      </c>
      <c r="H56" s="65">
        <v>565666.19999999995</v>
      </c>
      <c r="I56" s="65">
        <v>565666.19999999995</v>
      </c>
      <c r="J56" s="65">
        <v>565666.19999999995</v>
      </c>
      <c r="K56" s="65">
        <v>565666.19999999995</v>
      </c>
      <c r="L56" s="65">
        <v>565666.19999999995</v>
      </c>
      <c r="M56" s="65">
        <v>565666.19999999995</v>
      </c>
      <c r="N56" s="65">
        <v>565666.19999999995</v>
      </c>
      <c r="O56" s="65">
        <v>565666.19999999995</v>
      </c>
      <c r="P56" s="65">
        <v>565666.19999999995</v>
      </c>
      <c r="Q56" s="65">
        <v>565666.19999999995</v>
      </c>
      <c r="R56" s="65">
        <v>565666.19999999995</v>
      </c>
      <c r="S56" s="65">
        <v>565666.19999999995</v>
      </c>
      <c r="T56" s="65">
        <v>565666.19999999995</v>
      </c>
      <c r="U56" s="65">
        <v>565666.19999999995</v>
      </c>
      <c r="V56" s="66">
        <v>565666.19999999995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8" spans="11:11" ht="12.75">
      <c r="K88" s="161" t="s">
        <v>172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>
  <sheetPr codeName="Plan16"/>
  <dimension ref="A1:V88"/>
  <sheetViews>
    <sheetView view="pageBreakPreview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15" width="10.5703125" style="2" customWidth="1"/>
    <col min="16" max="22" width="10.42578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58" t="s">
        <v>91</v>
      </c>
    </row>
    <row r="4" spans="1:22" ht="18">
      <c r="A4" s="158" t="s">
        <v>153</v>
      </c>
    </row>
    <row r="5" spans="1:22" ht="15.75">
      <c r="A5" s="166" t="s">
        <v>50</v>
      </c>
    </row>
    <row r="6" spans="1:22" ht="15.75">
      <c r="A6" s="159" t="s">
        <v>154</v>
      </c>
    </row>
    <row r="7" spans="1:22" ht="12.75">
      <c r="A7" s="167" t="s">
        <v>56</v>
      </c>
      <c r="B7" s="168"/>
      <c r="C7" s="169">
        <v>10</v>
      </c>
    </row>
    <row r="8" spans="1:22" ht="12.75">
      <c r="A8" s="170" t="s">
        <v>58</v>
      </c>
      <c r="B8" s="171"/>
      <c r="C8" s="180">
        <v>26465.828387022415</v>
      </c>
    </row>
    <row r="9" spans="1:22" ht="12.75">
      <c r="A9" s="173"/>
      <c r="B9" s="173"/>
      <c r="C9" s="174"/>
    </row>
    <row r="10" spans="1:22" ht="12.75">
      <c r="A10" s="167" t="s">
        <v>59</v>
      </c>
      <c r="B10" s="168"/>
      <c r="C10" s="175">
        <v>14069.522985870222</v>
      </c>
    </row>
    <row r="11" spans="1:22" ht="12.75">
      <c r="A11" s="167" t="s">
        <v>60</v>
      </c>
      <c r="B11" s="168"/>
      <c r="C11" s="175">
        <v>6040.8787320000001</v>
      </c>
    </row>
    <row r="12" spans="1:22" ht="12.75">
      <c r="A12" s="167" t="s">
        <v>61</v>
      </c>
      <c r="B12" s="168"/>
      <c r="C12" s="176">
        <v>8028.6442538702222</v>
      </c>
    </row>
    <row r="13" spans="1:22" ht="12.75">
      <c r="A13" s="167" t="s">
        <v>62</v>
      </c>
      <c r="B13" s="168"/>
      <c r="C13" s="175">
        <v>0</v>
      </c>
    </row>
    <row r="14" spans="1:22">
      <c r="A14" s="41"/>
      <c r="B14" s="41"/>
      <c r="C14" s="42"/>
    </row>
    <row r="15" spans="1:22" ht="18">
      <c r="A15" s="177" t="s">
        <v>155</v>
      </c>
      <c r="C15" s="42"/>
      <c r="D15" s="28"/>
      <c r="V15" s="43" t="s">
        <v>63</v>
      </c>
    </row>
    <row r="16" spans="1:22">
      <c r="A16" s="44"/>
      <c r="B16" s="44" t="s">
        <v>2</v>
      </c>
      <c r="C16" s="44" t="s">
        <v>3</v>
      </c>
      <c r="D16" s="44" t="s">
        <v>4</v>
      </c>
      <c r="E16" s="44" t="s">
        <v>5</v>
      </c>
      <c r="F16" s="44" t="s">
        <v>6</v>
      </c>
      <c r="G16" s="44" t="s">
        <v>7</v>
      </c>
      <c r="H16" s="44" t="s">
        <v>8</v>
      </c>
      <c r="I16" s="44" t="s">
        <v>9</v>
      </c>
      <c r="J16" s="44" t="s">
        <v>10</v>
      </c>
      <c r="K16" s="44" t="s">
        <v>11</v>
      </c>
      <c r="L16" s="44" t="s">
        <v>12</v>
      </c>
      <c r="M16" s="44" t="s">
        <v>13</v>
      </c>
      <c r="N16" s="44" t="s">
        <v>14</v>
      </c>
      <c r="O16" s="44" t="s">
        <v>15</v>
      </c>
      <c r="P16" s="44" t="s">
        <v>16</v>
      </c>
      <c r="Q16" s="44" t="s">
        <v>17</v>
      </c>
      <c r="R16" s="44" t="s">
        <v>18</v>
      </c>
      <c r="S16" s="44" t="s">
        <v>19</v>
      </c>
      <c r="T16" s="44" t="s">
        <v>20</v>
      </c>
      <c r="U16" s="44" t="s">
        <v>21</v>
      </c>
      <c r="V16" s="44" t="s">
        <v>22</v>
      </c>
    </row>
    <row r="17" spans="1:22">
      <c r="A17" s="41" t="s">
        <v>64</v>
      </c>
      <c r="B17" s="41"/>
      <c r="C17" s="42">
        <v>3175899.4064426897</v>
      </c>
      <c r="D17" s="42">
        <v>3175899.4064426897</v>
      </c>
      <c r="E17" s="42">
        <v>3175899.4064426897</v>
      </c>
      <c r="F17" s="42">
        <v>3175899.4064426897</v>
      </c>
      <c r="G17" s="42">
        <v>3175899.4064426897</v>
      </c>
      <c r="H17" s="42">
        <v>3175899.4064426897</v>
      </c>
      <c r="I17" s="42">
        <v>3175899.4064426897</v>
      </c>
      <c r="J17" s="42">
        <v>3175899.4064426897</v>
      </c>
      <c r="K17" s="42">
        <v>3175899.4064426897</v>
      </c>
      <c r="L17" s="42">
        <v>3175899.4064426897</v>
      </c>
      <c r="M17" s="42">
        <v>3175899.4064426897</v>
      </c>
      <c r="N17" s="42">
        <v>3175899.4064426897</v>
      </c>
      <c r="O17" s="42">
        <v>3175899.4064426897</v>
      </c>
      <c r="P17" s="42">
        <v>3175899.4064426897</v>
      </c>
      <c r="Q17" s="42">
        <v>3175899.4064426897</v>
      </c>
      <c r="R17" s="42">
        <v>3175899.4064426897</v>
      </c>
      <c r="S17" s="42">
        <v>3175899.4064426897</v>
      </c>
      <c r="T17" s="42">
        <v>3175899.4064426897</v>
      </c>
      <c r="U17" s="42">
        <v>3175899.4064426897</v>
      </c>
      <c r="V17" s="42">
        <v>3175899.4064426897</v>
      </c>
    </row>
    <row r="18" spans="1:22">
      <c r="A18" s="45" t="s">
        <v>65</v>
      </c>
      <c r="B18" s="45"/>
      <c r="C18" s="46">
        <v>63517.988128853794</v>
      </c>
      <c r="D18" s="46">
        <v>63517.988128853794</v>
      </c>
      <c r="E18" s="46">
        <v>63517.988128853794</v>
      </c>
      <c r="F18" s="46">
        <v>63517.988128853794</v>
      </c>
      <c r="G18" s="46">
        <v>63517.988128853794</v>
      </c>
      <c r="H18" s="46">
        <v>63517.988128853794</v>
      </c>
      <c r="I18" s="46">
        <v>63517.988128853794</v>
      </c>
      <c r="J18" s="46">
        <v>63517.988128853794</v>
      </c>
      <c r="K18" s="46">
        <v>63517.988128853794</v>
      </c>
      <c r="L18" s="46">
        <v>63517.988128853794</v>
      </c>
      <c r="M18" s="46">
        <v>63517.988128853794</v>
      </c>
      <c r="N18" s="46">
        <v>63517.988128853794</v>
      </c>
      <c r="O18" s="46">
        <v>63517.988128853794</v>
      </c>
      <c r="P18" s="46">
        <v>63517.988128853794</v>
      </c>
      <c r="Q18" s="46">
        <v>63517.988128853794</v>
      </c>
      <c r="R18" s="46">
        <v>63517.988128853794</v>
      </c>
      <c r="S18" s="46">
        <v>63517.988128853794</v>
      </c>
      <c r="T18" s="46">
        <v>63517.988128853794</v>
      </c>
      <c r="U18" s="46">
        <v>63517.988128853794</v>
      </c>
      <c r="V18" s="46">
        <v>63517.988128853794</v>
      </c>
    </row>
    <row r="19" spans="1:22">
      <c r="A19" s="41" t="s">
        <v>66</v>
      </c>
      <c r="B19" s="41"/>
      <c r="C19" s="47">
        <v>3112381.4183138357</v>
      </c>
      <c r="D19" s="47">
        <v>3112381.4183138357</v>
      </c>
      <c r="E19" s="47">
        <v>3112381.4183138357</v>
      </c>
      <c r="F19" s="47">
        <v>3112381.4183138357</v>
      </c>
      <c r="G19" s="47">
        <v>3112381.4183138357</v>
      </c>
      <c r="H19" s="47">
        <v>3112381.4183138357</v>
      </c>
      <c r="I19" s="47">
        <v>3112381.4183138357</v>
      </c>
      <c r="J19" s="47">
        <v>3112381.4183138357</v>
      </c>
      <c r="K19" s="47">
        <v>3112381.4183138357</v>
      </c>
      <c r="L19" s="47">
        <v>3112381.4183138357</v>
      </c>
      <c r="M19" s="47">
        <v>3112381.4183138357</v>
      </c>
      <c r="N19" s="47">
        <v>3112381.4183138357</v>
      </c>
      <c r="O19" s="47">
        <v>3112381.4183138357</v>
      </c>
      <c r="P19" s="47">
        <v>3112381.4183138357</v>
      </c>
      <c r="Q19" s="47">
        <v>3112381.4183138357</v>
      </c>
      <c r="R19" s="47">
        <v>3112381.4183138357</v>
      </c>
      <c r="S19" s="47">
        <v>3112381.4183138357</v>
      </c>
      <c r="T19" s="47">
        <v>3112381.4183138357</v>
      </c>
      <c r="U19" s="47">
        <v>3112381.4183138357</v>
      </c>
      <c r="V19" s="47">
        <v>3112381.4183138357</v>
      </c>
    </row>
    <row r="20" spans="1:22">
      <c r="A20" s="41"/>
      <c r="B20" s="41"/>
      <c r="C20" s="41"/>
      <c r="D20" s="41"/>
      <c r="E20" s="41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1"/>
      <c r="U20" s="41"/>
      <c r="V20" s="41"/>
    </row>
    <row r="21" spans="1:22">
      <c r="A21" s="45" t="s">
        <v>67</v>
      </c>
      <c r="B21" s="45"/>
      <c r="C21" s="46">
        <v>1698945.9583044266</v>
      </c>
      <c r="D21" s="46">
        <v>1698945.9583044266</v>
      </c>
      <c r="E21" s="46">
        <v>1698945.9583044266</v>
      </c>
      <c r="F21" s="46">
        <v>1706348.7583044267</v>
      </c>
      <c r="G21" s="46">
        <v>1706348.7583044267</v>
      </c>
      <c r="H21" s="46">
        <v>1706348.7583044267</v>
      </c>
      <c r="I21" s="46">
        <v>1706348.7583044267</v>
      </c>
      <c r="J21" s="46">
        <v>1706348.7583044267</v>
      </c>
      <c r="K21" s="46">
        <v>1706348.7583044267</v>
      </c>
      <c r="L21" s="46">
        <v>1706348.7583044267</v>
      </c>
      <c r="M21" s="48">
        <v>1698945.9583044266</v>
      </c>
      <c r="N21" s="48">
        <v>1698945.9583044266</v>
      </c>
      <c r="O21" s="48">
        <v>1698945.9583044266</v>
      </c>
      <c r="P21" s="48">
        <v>1706348.7583044267</v>
      </c>
      <c r="Q21" s="48">
        <v>1706348.7583044267</v>
      </c>
      <c r="R21" s="48">
        <v>1706348.7583044267</v>
      </c>
      <c r="S21" s="48">
        <v>1706348.7583044267</v>
      </c>
      <c r="T21" s="48">
        <v>1706348.7583044267</v>
      </c>
      <c r="U21" s="48">
        <v>1706348.7583044267</v>
      </c>
      <c r="V21" s="48">
        <v>1706348.7583044267</v>
      </c>
    </row>
    <row r="22" spans="1:22">
      <c r="A22" s="41"/>
      <c r="B22" s="41"/>
      <c r="C22" s="41"/>
      <c r="D22" s="41"/>
      <c r="E22" s="41"/>
      <c r="F22" s="41"/>
      <c r="G22" s="41"/>
      <c r="H22" s="41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1"/>
      <c r="U22" s="41"/>
      <c r="V22" s="41"/>
    </row>
    <row r="23" spans="1:22">
      <c r="A23" s="41" t="s">
        <v>68</v>
      </c>
      <c r="B23" s="41"/>
      <c r="C23" s="42">
        <v>563353.27029433334</v>
      </c>
      <c r="D23" s="42">
        <v>759141.01607433334</v>
      </c>
      <c r="E23" s="42">
        <v>949354.6415143332</v>
      </c>
      <c r="F23" s="42">
        <v>1119406.6815143332</v>
      </c>
      <c r="G23" s="42">
        <v>1284977.6015143332</v>
      </c>
      <c r="H23" s="42">
        <v>887306.55355333316</v>
      </c>
      <c r="I23" s="42">
        <v>857089.7277733332</v>
      </c>
      <c r="J23" s="42">
        <v>832447.02233333315</v>
      </c>
      <c r="K23" s="42">
        <v>827965.90233333316</v>
      </c>
      <c r="L23" s="42">
        <v>849965.90233333316</v>
      </c>
      <c r="M23" s="42">
        <v>866054.07111333311</v>
      </c>
      <c r="N23" s="42">
        <v>896270.89689333318</v>
      </c>
      <c r="O23" s="42">
        <v>920913.60233333311</v>
      </c>
      <c r="P23" s="42">
        <v>925394.72233333311</v>
      </c>
      <c r="Q23" s="42">
        <v>903394.72233333322</v>
      </c>
      <c r="R23" s="42">
        <v>887306.55355333316</v>
      </c>
      <c r="S23" s="42">
        <v>857089.7277733332</v>
      </c>
      <c r="T23" s="42">
        <v>832447.02233333315</v>
      </c>
      <c r="U23" s="42">
        <v>827965.90233333316</v>
      </c>
      <c r="V23" s="42">
        <v>827965.90233333316</v>
      </c>
    </row>
    <row r="24" spans="1:22">
      <c r="A24" s="41"/>
      <c r="B24" s="41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</row>
    <row r="25" spans="1:22">
      <c r="A25" s="45" t="s">
        <v>69</v>
      </c>
      <c r="B25" s="45"/>
      <c r="C25" s="48">
        <v>850082.18971507577</v>
      </c>
      <c r="D25" s="48">
        <v>654294.44393507577</v>
      </c>
      <c r="E25" s="48">
        <v>464080.81849507592</v>
      </c>
      <c r="F25" s="48">
        <v>286625.97849507583</v>
      </c>
      <c r="G25" s="48">
        <v>121055.05849507591</v>
      </c>
      <c r="H25" s="48">
        <v>518726.10645607591</v>
      </c>
      <c r="I25" s="48">
        <v>548942.93223607587</v>
      </c>
      <c r="J25" s="48">
        <v>573585.63767607592</v>
      </c>
      <c r="K25" s="48">
        <v>578066.75767607591</v>
      </c>
      <c r="L25" s="48">
        <v>556066.75767607591</v>
      </c>
      <c r="M25" s="48">
        <v>547381.38889607601</v>
      </c>
      <c r="N25" s="48">
        <v>517164.56311607594</v>
      </c>
      <c r="O25" s="48">
        <v>492521.857676076</v>
      </c>
      <c r="P25" s="48">
        <v>480637.93767607596</v>
      </c>
      <c r="Q25" s="48">
        <v>502637.93767607585</v>
      </c>
      <c r="R25" s="48">
        <v>518726.10645607591</v>
      </c>
      <c r="S25" s="48">
        <v>548942.93223607587</v>
      </c>
      <c r="T25" s="48">
        <v>573585.63767607592</v>
      </c>
      <c r="U25" s="48">
        <v>578066.75767607591</v>
      </c>
      <c r="V25" s="48">
        <v>578066.75767607591</v>
      </c>
    </row>
    <row r="26" spans="1:22">
      <c r="A26" s="41"/>
      <c r="B26" s="41"/>
      <c r="C26" s="41"/>
      <c r="D26" s="41"/>
      <c r="E26" s="41"/>
      <c r="F26" s="41"/>
      <c r="G26" s="41"/>
      <c r="H26" s="41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1"/>
      <c r="U26" s="41"/>
      <c r="V26" s="41"/>
    </row>
    <row r="27" spans="1:22">
      <c r="A27" s="41" t="s">
        <v>70</v>
      </c>
      <c r="B27" s="41"/>
      <c r="C27" s="42">
        <v>289027.94450312579</v>
      </c>
      <c r="D27" s="42">
        <v>222460.11093792578</v>
      </c>
      <c r="E27" s="42">
        <v>157787.47828832583</v>
      </c>
      <c r="F27" s="42">
        <v>97452.832688325783</v>
      </c>
      <c r="G27" s="42">
        <v>41158.71988832581</v>
      </c>
      <c r="H27" s="42">
        <v>176366.87619506582</v>
      </c>
      <c r="I27" s="42">
        <v>186640.5969602658</v>
      </c>
      <c r="J27" s="42">
        <v>195019.11680986584</v>
      </c>
      <c r="K27" s="42">
        <v>196542.69760986583</v>
      </c>
      <c r="L27" s="42">
        <v>189062.69760986583</v>
      </c>
      <c r="M27" s="42">
        <v>186109.67222466585</v>
      </c>
      <c r="N27" s="42">
        <v>175835.95145946584</v>
      </c>
      <c r="O27" s="42">
        <v>167457.43160986586</v>
      </c>
      <c r="P27" s="42">
        <v>163416.89880986584</v>
      </c>
      <c r="Q27" s="42">
        <v>170896.89880986579</v>
      </c>
      <c r="R27" s="42">
        <v>176366.87619506582</v>
      </c>
      <c r="S27" s="42">
        <v>186640.5969602658</v>
      </c>
      <c r="T27" s="42">
        <v>195019.11680986584</v>
      </c>
      <c r="U27" s="42">
        <v>196542.69760986583</v>
      </c>
      <c r="V27" s="42">
        <v>196542.69760986583</v>
      </c>
    </row>
    <row r="28" spans="1:22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</row>
    <row r="29" spans="1:22">
      <c r="A29" s="45" t="s">
        <v>71</v>
      </c>
      <c r="B29" s="45"/>
      <c r="C29" s="48">
        <v>561054.24521195004</v>
      </c>
      <c r="D29" s="48">
        <v>431834.33299715002</v>
      </c>
      <c r="E29" s="48">
        <v>306293.34020675009</v>
      </c>
      <c r="F29" s="48">
        <v>189173.14580675005</v>
      </c>
      <c r="G29" s="48">
        <v>79896.338606750098</v>
      </c>
      <c r="H29" s="48">
        <v>342359.23026101012</v>
      </c>
      <c r="I29" s="48">
        <v>362302.3352758101</v>
      </c>
      <c r="J29" s="48">
        <v>378566.52086621011</v>
      </c>
      <c r="K29" s="48">
        <v>381524.06006621011</v>
      </c>
      <c r="L29" s="48">
        <v>367004.06006621011</v>
      </c>
      <c r="M29" s="48">
        <v>361271.71667141013</v>
      </c>
      <c r="N29" s="48">
        <v>341328.6116566101</v>
      </c>
      <c r="O29" s="48">
        <v>325064.42606621014</v>
      </c>
      <c r="P29" s="48">
        <v>317221.03886621015</v>
      </c>
      <c r="Q29" s="48">
        <v>331741.03886621003</v>
      </c>
      <c r="R29" s="48">
        <v>342359.23026101012</v>
      </c>
      <c r="S29" s="48">
        <v>362302.3352758101</v>
      </c>
      <c r="T29" s="48">
        <v>378566.52086621011</v>
      </c>
      <c r="U29" s="48">
        <v>381524.06006621011</v>
      </c>
      <c r="V29" s="48">
        <v>381524.06006621011</v>
      </c>
    </row>
    <row r="30" spans="1:22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</row>
    <row r="31" spans="1:22">
      <c r="A31" s="41" t="s">
        <v>72</v>
      </c>
      <c r="B31" s="41"/>
      <c r="C31" s="42">
        <v>563353.27029433334</v>
      </c>
      <c r="D31" s="42">
        <v>759141.01607433334</v>
      </c>
      <c r="E31" s="42">
        <v>949354.6415143332</v>
      </c>
      <c r="F31" s="42">
        <v>1119406.6815143332</v>
      </c>
      <c r="G31" s="42">
        <v>1284977.6015143332</v>
      </c>
      <c r="H31" s="42">
        <v>887306.55355333316</v>
      </c>
      <c r="I31" s="42">
        <v>857089.7277733332</v>
      </c>
      <c r="J31" s="42">
        <v>832447.02233333315</v>
      </c>
      <c r="K31" s="42">
        <v>827965.90233333316</v>
      </c>
      <c r="L31" s="42">
        <v>849965.90233333316</v>
      </c>
      <c r="M31" s="42">
        <v>866054.07111333311</v>
      </c>
      <c r="N31" s="42">
        <v>896270.89689333318</v>
      </c>
      <c r="O31" s="42">
        <v>920913.60233333311</v>
      </c>
      <c r="P31" s="42">
        <v>925394.72233333311</v>
      </c>
      <c r="Q31" s="42">
        <v>903394.72233333322</v>
      </c>
      <c r="R31" s="42">
        <v>887306.55355333316</v>
      </c>
      <c r="S31" s="42">
        <v>857089.7277733332</v>
      </c>
      <c r="T31" s="42">
        <v>832447.02233333315</v>
      </c>
      <c r="U31" s="42">
        <v>827965.90233333316</v>
      </c>
      <c r="V31" s="42">
        <v>827965.90233333316</v>
      </c>
    </row>
    <row r="32" spans="1:22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</row>
    <row r="33" spans="1:22">
      <c r="A33" s="45" t="s">
        <v>73</v>
      </c>
      <c r="B33" s="45"/>
      <c r="C33" s="48">
        <v>1124407.5155062834</v>
      </c>
      <c r="D33" s="48">
        <v>1190975.3490714834</v>
      </c>
      <c r="E33" s="48">
        <v>1255647.9817210832</v>
      </c>
      <c r="F33" s="48">
        <v>1308579.8273210833</v>
      </c>
      <c r="G33" s="48">
        <v>1364873.9401210833</v>
      </c>
      <c r="H33" s="48">
        <v>1229665.7838143432</v>
      </c>
      <c r="I33" s="48">
        <v>1219392.0630491432</v>
      </c>
      <c r="J33" s="48">
        <v>1211013.5431995434</v>
      </c>
      <c r="K33" s="48">
        <v>1209489.9623995433</v>
      </c>
      <c r="L33" s="48">
        <v>1216969.9623995433</v>
      </c>
      <c r="M33" s="48">
        <v>1227325.7877847431</v>
      </c>
      <c r="N33" s="48">
        <v>1237599.5085499433</v>
      </c>
      <c r="O33" s="48">
        <v>1245978.0283995434</v>
      </c>
      <c r="P33" s="48">
        <v>1242615.7611995433</v>
      </c>
      <c r="Q33" s="48">
        <v>1235135.7611995433</v>
      </c>
      <c r="R33" s="48">
        <v>1229665.7838143432</v>
      </c>
      <c r="S33" s="48">
        <v>1219392.0630491432</v>
      </c>
      <c r="T33" s="48">
        <v>1211013.5431995434</v>
      </c>
      <c r="U33" s="48">
        <v>1209489.9623995433</v>
      </c>
      <c r="V33" s="48">
        <v>1209489.9623995433</v>
      </c>
    </row>
    <row r="34" spans="1:22">
      <c r="A34" s="41"/>
      <c r="B34" s="41"/>
      <c r="C34" s="41"/>
      <c r="D34" s="41"/>
      <c r="E34" s="41"/>
      <c r="F34" s="41"/>
      <c r="G34" s="41"/>
      <c r="H34" s="41"/>
      <c r="I34" s="41"/>
      <c r="J34" s="41"/>
      <c r="K34" s="41"/>
      <c r="L34" s="41"/>
      <c r="M34" s="41"/>
      <c r="N34" s="41"/>
      <c r="O34" s="41"/>
      <c r="P34" s="41"/>
      <c r="Q34" s="41"/>
      <c r="R34" s="41"/>
      <c r="S34" s="41"/>
      <c r="T34" s="41"/>
      <c r="U34" s="41"/>
      <c r="V34" s="41"/>
    </row>
    <row r="35" spans="1:22">
      <c r="A35" s="41" t="s">
        <v>74</v>
      </c>
      <c r="B35" s="47">
        <v>3653735.3268455411</v>
      </c>
      <c r="C35" s="47">
        <v>908295.44389999995</v>
      </c>
      <c r="D35" s="47">
        <v>978938.72889999999</v>
      </c>
      <c r="E35" s="47">
        <v>951068.12719999999</v>
      </c>
      <c r="F35" s="47">
        <v>850260.2</v>
      </c>
      <c r="G35" s="47">
        <v>827854.6</v>
      </c>
      <c r="H35" s="47">
        <v>827854.6</v>
      </c>
      <c r="I35" s="47">
        <v>827854.6</v>
      </c>
      <c r="J35" s="47">
        <v>827854.6</v>
      </c>
      <c r="K35" s="47">
        <v>827854.6</v>
      </c>
      <c r="L35" s="47">
        <v>937854.6</v>
      </c>
      <c r="M35" s="47">
        <v>908295.44389999995</v>
      </c>
      <c r="N35" s="47">
        <v>978938.72889999999</v>
      </c>
      <c r="O35" s="47">
        <v>951068.12719999999</v>
      </c>
      <c r="P35" s="47">
        <v>850260.2</v>
      </c>
      <c r="Q35" s="47">
        <v>827854.6</v>
      </c>
      <c r="R35" s="47">
        <v>827854.6</v>
      </c>
      <c r="S35" s="47">
        <v>827854.6</v>
      </c>
      <c r="T35" s="47">
        <v>827854.6</v>
      </c>
      <c r="U35" s="47">
        <v>827854.6</v>
      </c>
      <c r="V35" s="47">
        <v>804581.36769445986</v>
      </c>
    </row>
    <row r="36" spans="1:22">
      <c r="A36" s="49" t="s">
        <v>75</v>
      </c>
      <c r="B36" s="48">
        <v>3559691.9945400008</v>
      </c>
      <c r="C36" s="48">
        <v>827854.6</v>
      </c>
      <c r="D36" s="48">
        <v>827854.6</v>
      </c>
      <c r="E36" s="48">
        <v>827854.6</v>
      </c>
      <c r="F36" s="48">
        <v>827854.6</v>
      </c>
      <c r="G36" s="48">
        <v>827854.6</v>
      </c>
      <c r="H36" s="48">
        <v>827854.6</v>
      </c>
      <c r="I36" s="48">
        <v>827854.6</v>
      </c>
      <c r="J36" s="48">
        <v>827854.6</v>
      </c>
      <c r="K36" s="48">
        <v>827854.6</v>
      </c>
      <c r="L36" s="48">
        <v>827854.6</v>
      </c>
      <c r="M36" s="48">
        <v>827854.6</v>
      </c>
      <c r="N36" s="48">
        <v>827854.6</v>
      </c>
      <c r="O36" s="48">
        <v>827854.6</v>
      </c>
      <c r="P36" s="48">
        <v>827854.6</v>
      </c>
      <c r="Q36" s="48">
        <v>827854.6</v>
      </c>
      <c r="R36" s="48">
        <v>827854.6</v>
      </c>
      <c r="S36" s="48">
        <v>827854.6</v>
      </c>
      <c r="T36" s="48">
        <v>827854.6</v>
      </c>
      <c r="U36" s="48">
        <v>827854.6</v>
      </c>
      <c r="V36" s="48">
        <v>827854.6</v>
      </c>
    </row>
    <row r="37" spans="1:22">
      <c r="A37" s="50" t="s">
        <v>76</v>
      </c>
      <c r="B37" s="42">
        <v>66000</v>
      </c>
      <c r="C37" s="42">
        <v>80440.843899999993</v>
      </c>
      <c r="D37" s="42">
        <v>151084.12890000001</v>
      </c>
      <c r="E37" s="42">
        <v>123213.52720000001</v>
      </c>
      <c r="F37" s="42">
        <v>22405.599999999999</v>
      </c>
      <c r="G37" s="42">
        <v>0</v>
      </c>
      <c r="H37" s="42">
        <v>0</v>
      </c>
      <c r="I37" s="42">
        <v>0</v>
      </c>
      <c r="J37" s="42">
        <v>0</v>
      </c>
      <c r="K37" s="42">
        <v>0</v>
      </c>
      <c r="L37" s="42">
        <v>110000</v>
      </c>
      <c r="M37" s="42">
        <v>80440.843899999993</v>
      </c>
      <c r="N37" s="42">
        <v>151084.12890000001</v>
      </c>
      <c r="O37" s="42">
        <v>123213.52720000001</v>
      </c>
      <c r="P37" s="42">
        <v>22405.599999999999</v>
      </c>
      <c r="Q37" s="42">
        <v>0</v>
      </c>
      <c r="R37" s="42">
        <v>0</v>
      </c>
      <c r="S37" s="42">
        <v>0</v>
      </c>
      <c r="T37" s="42">
        <v>0</v>
      </c>
      <c r="U37" s="42">
        <v>0</v>
      </c>
      <c r="V37" s="42">
        <v>0</v>
      </c>
    </row>
    <row r="38" spans="1:22">
      <c r="A38" s="49" t="s">
        <v>77</v>
      </c>
      <c r="B38" s="51">
        <v>4770.1000000000004</v>
      </c>
      <c r="C38" s="45">
        <v>0</v>
      </c>
      <c r="D38" s="45">
        <v>0</v>
      </c>
      <c r="E38" s="45">
        <v>0</v>
      </c>
      <c r="F38" s="45">
        <v>0</v>
      </c>
      <c r="G38" s="45">
        <v>0</v>
      </c>
      <c r="H38" s="45">
        <v>0</v>
      </c>
      <c r="I38" s="45">
        <v>0</v>
      </c>
      <c r="J38" s="45">
        <v>0</v>
      </c>
      <c r="K38" s="45">
        <v>0</v>
      </c>
      <c r="L38" s="45">
        <v>0</v>
      </c>
      <c r="M38" s="45"/>
      <c r="N38" s="45"/>
      <c r="O38" s="45"/>
      <c r="P38" s="45"/>
      <c r="Q38" s="45"/>
      <c r="R38" s="45"/>
      <c r="S38" s="45"/>
      <c r="T38" s="45"/>
      <c r="U38" s="45"/>
      <c r="V38" s="45"/>
    </row>
    <row r="39" spans="1:22">
      <c r="A39" s="50" t="s">
        <v>78</v>
      </c>
      <c r="B39" s="42">
        <v>23273.232305540092</v>
      </c>
      <c r="C39" s="41">
        <v>0</v>
      </c>
      <c r="D39" s="41">
        <v>0</v>
      </c>
      <c r="E39" s="41">
        <v>0</v>
      </c>
      <c r="F39" s="41">
        <v>0</v>
      </c>
      <c r="G39" s="41">
        <v>0</v>
      </c>
      <c r="H39" s="41">
        <v>0</v>
      </c>
      <c r="I39" s="41">
        <v>0</v>
      </c>
      <c r="J39" s="41">
        <v>0</v>
      </c>
      <c r="K39" s="41">
        <v>0</v>
      </c>
      <c r="L39" s="47">
        <v>0</v>
      </c>
      <c r="M39" s="47">
        <v>0</v>
      </c>
      <c r="N39" s="47">
        <v>0</v>
      </c>
      <c r="O39" s="47">
        <v>0</v>
      </c>
      <c r="P39" s="47">
        <v>0</v>
      </c>
      <c r="Q39" s="47">
        <v>0</v>
      </c>
      <c r="R39" s="47">
        <v>0</v>
      </c>
      <c r="S39" s="47">
        <v>0</v>
      </c>
      <c r="T39" s="47">
        <v>0</v>
      </c>
      <c r="U39" s="47">
        <v>0</v>
      </c>
      <c r="V39" s="47">
        <v>-23273.232305540092</v>
      </c>
    </row>
    <row r="40" spans="1:22">
      <c r="A40" s="41"/>
      <c r="B40" s="41"/>
      <c r="C40" s="41"/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</row>
    <row r="41" spans="1:22">
      <c r="A41" s="45" t="s">
        <v>79</v>
      </c>
      <c r="B41" s="46">
        <v>0</v>
      </c>
      <c r="C41" s="46">
        <v>35183.820500000002</v>
      </c>
      <c r="D41" s="46">
        <v>35183.820500000002</v>
      </c>
      <c r="E41" s="46">
        <v>35183.820500000002</v>
      </c>
      <c r="F41" s="46">
        <v>35183.820500000002</v>
      </c>
      <c r="G41" s="46">
        <v>35183.820500000002</v>
      </c>
      <c r="H41" s="46">
        <v>35183.820500000002</v>
      </c>
      <c r="I41" s="46">
        <v>35183.820500000002</v>
      </c>
      <c r="J41" s="46">
        <v>35183.820500000002</v>
      </c>
      <c r="K41" s="46">
        <v>35183.820500000002</v>
      </c>
      <c r="L41" s="46">
        <v>35183.820500000002</v>
      </c>
      <c r="M41" s="46">
        <v>35183.820500000002</v>
      </c>
      <c r="N41" s="46">
        <v>35183.820500000002</v>
      </c>
      <c r="O41" s="46">
        <v>35183.820500000002</v>
      </c>
      <c r="P41" s="46">
        <v>35183.820500000002</v>
      </c>
      <c r="Q41" s="46">
        <v>35183.820500000002</v>
      </c>
      <c r="R41" s="46">
        <v>35183.820500000002</v>
      </c>
      <c r="S41" s="46">
        <v>35183.820500000002</v>
      </c>
      <c r="T41" s="46">
        <v>35183.820500000002</v>
      </c>
      <c r="U41" s="46">
        <v>35183.820500000002</v>
      </c>
      <c r="V41" s="46">
        <v>2394973.4796923334</v>
      </c>
    </row>
    <row r="42" spans="1:22">
      <c r="A42" s="41" t="s">
        <v>80</v>
      </c>
      <c r="B42" s="41"/>
      <c r="C42" s="47">
        <v>35183.820500000002</v>
      </c>
      <c r="D42" s="47">
        <v>35183.820500000002</v>
      </c>
      <c r="E42" s="47">
        <v>35183.820500000002</v>
      </c>
      <c r="F42" s="47">
        <v>35183.820500000002</v>
      </c>
      <c r="G42" s="47">
        <v>35183.820500000002</v>
      </c>
      <c r="H42" s="47">
        <v>35183.820500000002</v>
      </c>
      <c r="I42" s="47">
        <v>35183.820500000002</v>
      </c>
      <c r="J42" s="47">
        <v>35183.820500000002</v>
      </c>
      <c r="K42" s="47">
        <v>35183.820500000002</v>
      </c>
      <c r="L42" s="47">
        <v>35183.820500000002</v>
      </c>
      <c r="M42" s="47">
        <v>35183.820500000002</v>
      </c>
      <c r="N42" s="47">
        <v>35183.820500000002</v>
      </c>
      <c r="O42" s="47">
        <v>35183.820500000002</v>
      </c>
      <c r="P42" s="47">
        <v>35183.820500000002</v>
      </c>
      <c r="Q42" s="47">
        <v>35183.820500000002</v>
      </c>
      <c r="R42" s="47">
        <v>35183.820500000002</v>
      </c>
      <c r="S42" s="47">
        <v>35183.820500000002</v>
      </c>
      <c r="T42" s="47">
        <v>35183.820500000002</v>
      </c>
      <c r="U42" s="47">
        <v>35183.820500000002</v>
      </c>
      <c r="V42" s="47">
        <v>2392429.4263590002</v>
      </c>
    </row>
    <row r="43" spans="1:22">
      <c r="A43" s="45" t="s">
        <v>81</v>
      </c>
      <c r="B43" s="45"/>
      <c r="C43" s="45">
        <v>0</v>
      </c>
      <c r="D43" s="45">
        <v>0</v>
      </c>
      <c r="E43" s="45">
        <v>0</v>
      </c>
      <c r="F43" s="45">
        <v>0</v>
      </c>
      <c r="G43" s="45">
        <v>0</v>
      </c>
      <c r="H43" s="45">
        <v>0</v>
      </c>
      <c r="I43" s="45">
        <v>0</v>
      </c>
      <c r="J43" s="45">
        <v>0</v>
      </c>
      <c r="K43" s="45">
        <v>0</v>
      </c>
      <c r="L43" s="46">
        <v>0</v>
      </c>
      <c r="M43" s="45">
        <v>0</v>
      </c>
      <c r="N43" s="45">
        <v>0</v>
      </c>
      <c r="O43" s="45">
        <v>0</v>
      </c>
      <c r="P43" s="45">
        <v>0</v>
      </c>
      <c r="Q43" s="45">
        <v>0</v>
      </c>
      <c r="R43" s="45">
        <v>0</v>
      </c>
      <c r="S43" s="45">
        <v>0</v>
      </c>
      <c r="T43" s="45">
        <v>0</v>
      </c>
      <c r="U43" s="45">
        <v>0</v>
      </c>
      <c r="V43" s="45">
        <v>2544.0533333333337</v>
      </c>
    </row>
    <row r="44" spans="1:22">
      <c r="A44" s="41"/>
      <c r="B44" s="41"/>
      <c r="C44" s="41"/>
      <c r="D44" s="41"/>
      <c r="E44" s="41"/>
      <c r="F44" s="41"/>
      <c r="G44" s="41"/>
      <c r="H44" s="41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1"/>
      <c r="U44" s="41"/>
      <c r="V44" s="41"/>
    </row>
    <row r="45" spans="1:22">
      <c r="A45" s="52" t="s">
        <v>82</v>
      </c>
      <c r="B45" s="53">
        <v>-3653735.3268455411</v>
      </c>
      <c r="C45" s="53">
        <v>251295.89210628343</v>
      </c>
      <c r="D45" s="53">
        <v>247220.44067148337</v>
      </c>
      <c r="E45" s="53">
        <v>339763.67502108321</v>
      </c>
      <c r="F45" s="53">
        <v>493503.44782108336</v>
      </c>
      <c r="G45" s="53">
        <v>572203.16062108334</v>
      </c>
      <c r="H45" s="53">
        <v>436995.00431434321</v>
      </c>
      <c r="I45" s="53">
        <v>426721.28354914323</v>
      </c>
      <c r="J45" s="53">
        <v>418342.76369954343</v>
      </c>
      <c r="K45" s="53">
        <v>416819.18289954332</v>
      </c>
      <c r="L45" s="53">
        <v>314299.18289954332</v>
      </c>
      <c r="M45" s="53">
        <v>354214.1643847432</v>
      </c>
      <c r="N45" s="53">
        <v>293844.60014994338</v>
      </c>
      <c r="O45" s="53">
        <v>330093.72169954341</v>
      </c>
      <c r="P45" s="53">
        <v>427539.38169954333</v>
      </c>
      <c r="Q45" s="53">
        <v>442464.98169954331</v>
      </c>
      <c r="R45" s="53">
        <v>436995.00431434321</v>
      </c>
      <c r="S45" s="53">
        <v>426721.28354914323</v>
      </c>
      <c r="T45" s="53">
        <v>418342.76369954343</v>
      </c>
      <c r="U45" s="53">
        <v>416819.18289954332</v>
      </c>
      <c r="V45" s="53">
        <v>2799882.0743974168</v>
      </c>
    </row>
    <row r="46" spans="1:22">
      <c r="A46" s="41"/>
      <c r="B46" s="41"/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</row>
    <row r="47" spans="1:22">
      <c r="A47" s="40"/>
      <c r="B47" s="41"/>
      <c r="C47" s="41"/>
      <c r="D47" s="41"/>
      <c r="E47" s="41"/>
      <c r="F47" s="41"/>
      <c r="G47" s="41"/>
      <c r="H47" s="41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1"/>
      <c r="U47" s="41"/>
      <c r="V47" s="41"/>
    </row>
    <row r="48" spans="1:22">
      <c r="A48" s="41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78" t="s">
        <v>57</v>
      </c>
      <c r="B50" s="179">
        <v>9.8500000000000004E-2</v>
      </c>
      <c r="C50" s="41"/>
      <c r="D50" s="41"/>
      <c r="E50" s="41"/>
      <c r="F50" s="41"/>
      <c r="G50" s="41"/>
      <c r="H50" s="41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1"/>
      <c r="U50" s="41"/>
      <c r="V50" s="41"/>
    </row>
    <row r="51" spans="1:22">
      <c r="A51" s="41"/>
      <c r="B51" s="55"/>
      <c r="C51" s="41"/>
      <c r="D51" s="41"/>
      <c r="E51" s="41"/>
      <c r="F51" s="41"/>
      <c r="G51" s="41"/>
      <c r="H51" s="41"/>
      <c r="I51" s="41"/>
      <c r="J51" s="41"/>
      <c r="K51" s="41"/>
      <c r="L51" s="41"/>
      <c r="M51" s="56"/>
      <c r="N51" s="41"/>
      <c r="O51" s="41"/>
      <c r="P51" s="41"/>
      <c r="Q51" s="41"/>
      <c r="R51" s="41"/>
      <c r="S51" s="41"/>
      <c r="T51" s="41"/>
      <c r="U51" s="41"/>
      <c r="V51" s="41"/>
    </row>
    <row r="52" spans="1:22">
      <c r="A52" s="41"/>
      <c r="B52" s="55"/>
      <c r="C52" s="41"/>
      <c r="D52" s="41"/>
      <c r="E52" s="41"/>
      <c r="F52" s="41"/>
      <c r="G52" s="41"/>
      <c r="H52" s="41"/>
      <c r="I52" s="41"/>
      <c r="J52" s="41"/>
      <c r="K52" s="41"/>
      <c r="L52" s="41"/>
      <c r="M52" s="41"/>
      <c r="N52" s="41"/>
      <c r="O52" s="41"/>
      <c r="P52" s="41"/>
      <c r="Q52" s="41"/>
      <c r="R52" s="41"/>
      <c r="S52" s="41"/>
      <c r="T52" s="41"/>
      <c r="U52" s="41"/>
      <c r="V52" s="41"/>
    </row>
    <row r="53" spans="1:22">
      <c r="A53" s="41"/>
      <c r="B53" s="41"/>
      <c r="C53" s="41"/>
      <c r="D53" s="41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</row>
    <row r="54" spans="1:22" ht="18">
      <c r="A54" s="177" t="s">
        <v>156</v>
      </c>
      <c r="B54" s="41"/>
      <c r="C54" s="41"/>
      <c r="D54" s="41"/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</row>
    <row r="55" spans="1:22">
      <c r="A55" s="57" t="s">
        <v>83</v>
      </c>
      <c r="B55" s="58"/>
      <c r="C55" s="59">
        <v>563353.27029433334</v>
      </c>
      <c r="D55" s="60">
        <v>759141.01607433334</v>
      </c>
      <c r="E55" s="60">
        <v>949354.6415143332</v>
      </c>
      <c r="F55" s="60">
        <v>1119406.6815143332</v>
      </c>
      <c r="G55" s="60">
        <v>1284977.6015143332</v>
      </c>
      <c r="H55" s="60">
        <v>887306.55355333316</v>
      </c>
      <c r="I55" s="60">
        <v>857089.7277733332</v>
      </c>
      <c r="J55" s="60">
        <v>832447.02233333315</v>
      </c>
      <c r="K55" s="60">
        <v>827965.90233333316</v>
      </c>
      <c r="L55" s="60">
        <v>849965.90233333316</v>
      </c>
      <c r="M55" s="60">
        <v>866054.07111333311</v>
      </c>
      <c r="N55" s="60">
        <v>896270.89689333318</v>
      </c>
      <c r="O55" s="60">
        <v>920913.60233333311</v>
      </c>
      <c r="P55" s="60">
        <v>925394.72233333311</v>
      </c>
      <c r="Q55" s="60">
        <v>903394.72233333322</v>
      </c>
      <c r="R55" s="60">
        <v>887306.55355333316</v>
      </c>
      <c r="S55" s="60">
        <v>857089.7277733332</v>
      </c>
      <c r="T55" s="60">
        <v>832447.02233333315</v>
      </c>
      <c r="U55" s="60">
        <v>827965.90233333316</v>
      </c>
      <c r="V55" s="61">
        <v>827965.90233333316</v>
      </c>
    </row>
    <row r="56" spans="1:22">
      <c r="A56" s="62" t="s">
        <v>84</v>
      </c>
      <c r="B56" s="63"/>
      <c r="C56" s="65">
        <v>533953.7991810001</v>
      </c>
      <c r="D56" s="65">
        <v>699524.71918100002</v>
      </c>
      <c r="E56" s="65">
        <v>865095.63918099995</v>
      </c>
      <c r="F56" s="65">
        <v>1030666.5591809999</v>
      </c>
      <c r="G56" s="65">
        <v>1196237.4791809998</v>
      </c>
      <c r="H56" s="65">
        <v>827854.59999999986</v>
      </c>
      <c r="I56" s="65">
        <v>827854.59999999986</v>
      </c>
      <c r="J56" s="65">
        <v>827854.59999999986</v>
      </c>
      <c r="K56" s="65">
        <v>827854.59999999986</v>
      </c>
      <c r="L56" s="65">
        <v>827854.59999999986</v>
      </c>
      <c r="M56" s="65">
        <v>827854.59999999986</v>
      </c>
      <c r="N56" s="65">
        <v>827854.59999999986</v>
      </c>
      <c r="O56" s="65">
        <v>827854.59999999986</v>
      </c>
      <c r="P56" s="65">
        <v>827854.59999999986</v>
      </c>
      <c r="Q56" s="65">
        <v>827854.59999999986</v>
      </c>
      <c r="R56" s="65">
        <v>827854.59999999986</v>
      </c>
      <c r="S56" s="65">
        <v>827854.59999999986</v>
      </c>
      <c r="T56" s="65">
        <v>827854.59999999986</v>
      </c>
      <c r="U56" s="65">
        <v>827854.59999999986</v>
      </c>
      <c r="V56" s="66">
        <v>827854.59999999986</v>
      </c>
    </row>
    <row r="57" spans="1:22">
      <c r="A57" s="67" t="s">
        <v>85</v>
      </c>
      <c r="B57" s="41"/>
      <c r="C57" s="42">
        <v>111.30233333333334</v>
      </c>
      <c r="D57" s="42">
        <v>111.30233333333334</v>
      </c>
      <c r="E57" s="42">
        <v>111.30233333333334</v>
      </c>
      <c r="F57" s="42">
        <v>111.30233333333334</v>
      </c>
      <c r="G57" s="42">
        <v>111.30233333333334</v>
      </c>
      <c r="H57" s="42">
        <v>111.30233333333334</v>
      </c>
      <c r="I57" s="42">
        <v>111.30233333333334</v>
      </c>
      <c r="J57" s="42">
        <v>111.30233333333334</v>
      </c>
      <c r="K57" s="42">
        <v>111.30233333333334</v>
      </c>
      <c r="L57" s="42">
        <v>111.30233333333334</v>
      </c>
      <c r="M57" s="42">
        <v>111.30233333333334</v>
      </c>
      <c r="N57" s="42">
        <v>111.30233333333334</v>
      </c>
      <c r="O57" s="42">
        <v>111.30233333333334</v>
      </c>
      <c r="P57" s="42">
        <v>111.30233333333334</v>
      </c>
      <c r="Q57" s="42">
        <v>111.30233333333334</v>
      </c>
      <c r="R57" s="42">
        <v>111.30233333333334</v>
      </c>
      <c r="S57" s="42">
        <v>111.30233333333334</v>
      </c>
      <c r="T57" s="42">
        <v>111.30233333333334</v>
      </c>
      <c r="U57" s="42">
        <v>111.30233333333334</v>
      </c>
      <c r="V57" s="42">
        <v>111.30233333333334</v>
      </c>
    </row>
    <row r="58" spans="1:22">
      <c r="A58" s="70" t="s">
        <v>86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61" t="s">
        <v>173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6</vt:i4>
      </vt:variant>
      <vt:variant>
        <vt:lpstr>Intervalos nomeados</vt:lpstr>
      </vt:variant>
      <vt:variant>
        <vt:i4>24</vt:i4>
      </vt:variant>
    </vt:vector>
  </HeadingPairs>
  <TitlesOfParts>
    <vt:vector size="40" baseType="lpstr">
      <vt:lpstr>CAPA</vt:lpstr>
      <vt:lpstr>SUMÁRIO</vt:lpstr>
      <vt:lpstr>INVESTIMENTO</vt:lpstr>
      <vt:lpstr>MINI</vt:lpstr>
      <vt:lpstr>MIDI</vt:lpstr>
      <vt:lpstr>BÁSICO</vt:lpstr>
      <vt:lpstr>PADRON</vt:lpstr>
      <vt:lpstr>PADRON 15m</vt:lpstr>
      <vt:lpstr>ARTICULADO</vt:lpstr>
      <vt:lpstr>ARTICULADO 21</vt:lpstr>
      <vt:lpstr>ARTICULADO 23</vt:lpstr>
      <vt:lpstr>BIARTICULADO</vt:lpstr>
      <vt:lpstr>TROLEBUS</vt:lpstr>
      <vt:lpstr>TROLEBUS 15M</vt:lpstr>
      <vt:lpstr>TROLEBUS 15M BATERIA</vt:lpstr>
      <vt:lpstr>AUXILIAR FLUXO DE CAIXA</vt:lpstr>
      <vt:lpstr>ARTICULADO!Area_de_impressao</vt:lpstr>
      <vt:lpstr>'ARTICULADO 21'!Area_de_impressao</vt:lpstr>
      <vt:lpstr>'ARTICULADO 23'!Area_de_impressao</vt:lpstr>
      <vt:lpstr>'AUXILIAR FLUXO DE CAIXA'!Area_de_impressao</vt:lpstr>
      <vt:lpstr>BÁSICO!Area_de_impressao</vt:lpstr>
      <vt:lpstr>BIARTICULADO!Area_de_impressao</vt:lpstr>
      <vt:lpstr>INVESTIMENTO!Area_de_impressao</vt:lpstr>
      <vt:lpstr>MIDI!Area_de_impressao</vt:lpstr>
      <vt:lpstr>MINI!Area_de_impressao</vt:lpstr>
      <vt:lpstr>PADRON!Area_de_impressao</vt:lpstr>
      <vt:lpstr>'PADRON 15m'!Area_de_impressao</vt:lpstr>
      <vt:lpstr>SUMÁRIO!Area_de_impressao</vt:lpstr>
      <vt:lpstr>TROLEBUS!Area_de_impressao</vt:lpstr>
      <vt:lpstr>'TROLEBUS 15M'!Area_de_impressao</vt:lpstr>
      <vt:lpstr>'TROLEBUS 15M BATERIA'!Area_de_impressao</vt:lpstr>
      <vt:lpstr>ARTICULADO!Titulos_de_impressao</vt:lpstr>
      <vt:lpstr>'ARTICULADO 21'!Titulos_de_impressao</vt:lpstr>
      <vt:lpstr>'ARTICULADO 23'!Titulos_de_impressao</vt:lpstr>
      <vt:lpstr>BÁSICO!Titulos_de_impressao</vt:lpstr>
      <vt:lpstr>BIARTICULADO!Titulos_de_impressao</vt:lpstr>
      <vt:lpstr>MIDI!Titulos_de_impressao</vt:lpstr>
      <vt:lpstr>MINI!Titulos_de_impressao</vt:lpstr>
      <vt:lpstr>PADRON!Titulos_de_impressao</vt:lpstr>
      <vt:lpstr>'PADRON 15m'!Titulos_de_impressao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cumentos</dc:creator>
  <cp:lastModifiedBy>s1240498</cp:lastModifiedBy>
  <cp:lastPrinted>2018-04-23T15:00:11Z</cp:lastPrinted>
  <dcterms:created xsi:type="dcterms:W3CDTF">2018-04-21T18:44:22Z</dcterms:created>
  <dcterms:modified xsi:type="dcterms:W3CDTF">2018-04-23T15:00:38Z</dcterms:modified>
</cp:coreProperties>
</file>